
<file path=[Content_Types].xml><?xml version="1.0" encoding="utf-8"?>
<Types xmlns="http://schemas.openxmlformats.org/package/2006/content-types">
  <Default Extension="png" ContentType="image/png"/>
  <Default Extension="svg" ContentType="image/svg+xml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wav" ContentType="audio/x-wav"/>
  <Default Extension="wdp" ContentType="image/vnd.ms-photo"/>
  <Default Extension="gif" ContentType="image/gif"/>
  <Default Extension="mp4" ContentType="video/mp4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2" r:id="rId2"/>
  </p:sldMasterIdLst>
  <p:notesMasterIdLst>
    <p:notesMasterId r:id="rId19"/>
  </p:notesMasterIdLst>
  <p:sldIdLst>
    <p:sldId id="693" r:id="rId3"/>
    <p:sldId id="272" r:id="rId4"/>
    <p:sldId id="1808" r:id="rId5"/>
    <p:sldId id="1806" r:id="rId6"/>
    <p:sldId id="1814" r:id="rId7"/>
    <p:sldId id="1809" r:id="rId8"/>
    <p:sldId id="1811" r:id="rId9"/>
    <p:sldId id="1810" r:id="rId10"/>
    <p:sldId id="1815" r:id="rId11"/>
    <p:sldId id="1812" r:id="rId12"/>
    <p:sldId id="262" r:id="rId13"/>
    <p:sldId id="347" r:id="rId14"/>
    <p:sldId id="1837" r:id="rId15"/>
    <p:sldId id="1838" r:id="rId16"/>
    <p:sldId id="1840" r:id="rId17"/>
    <p:sldId id="1842" r:id="rId18"/>
  </p:sldIdLst>
  <p:sldSz cx="12192000" cy="6858000"/>
  <p:notesSz cx="6858000" cy="9144000"/>
  <p:custDataLst>
    <p:tags r:id="rId20"/>
  </p:custDataLst>
  <p:defaultTextStyle>
    <a:defPPr>
      <a:defRPr lang="zh-CN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6A117"/>
    <a:srgbClr val="DEEEFF"/>
    <a:srgbClr val="3E830E"/>
    <a:srgbClr val="C0FBEF"/>
    <a:srgbClr val="FDD35C"/>
    <a:srgbClr val="FFFBD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361" autoAdjust="0"/>
    <p:restoredTop sz="94660"/>
  </p:normalViewPr>
  <p:slideViewPr>
    <p:cSldViewPr snapToGrid="0">
      <p:cViewPr varScale="1">
        <p:scale>
          <a:sx n="115" d="100"/>
          <a:sy n="115" d="100"/>
        </p:scale>
        <p:origin x="408" y="11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3" Type="http://schemas.openxmlformats.org/officeDocument/2006/relationships/slide" Target="slides/slide1.xml"/><Relationship Id="rId21" Type="http://schemas.openxmlformats.org/officeDocument/2006/relationships/presProps" Target="pres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tableStyles" Target="tableStyle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theme" Target="theme/theme1.xml"/><Relationship Id="rId10" Type="http://schemas.openxmlformats.org/officeDocument/2006/relationships/slide" Target="slides/slide8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EBDCA68-592F-465E-9BB0-71941787586C}" type="datetimeFigureOut">
              <a:rPr lang="en-US" smtClean="0"/>
              <a:t>4/17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B5EA2CD-CA99-4490-8662-1093B07E2D2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765696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3807917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165409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9406734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9E1B693-632D-4080-9CF6-EA28B66DC801}" type="slidenum">
              <a:rPr lang="zh-CN" altLang="en-US" smtClean="0"/>
              <a:t>1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9483215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BBE6BE2-0757-48B3-976A-0C8F54952EE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281637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1534610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BBE6BE2-0757-48B3-976A-0C8F54952EEE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587754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771561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503958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07094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BBE6BE2-0757-48B3-976A-0C8F54952EEE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610415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995131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1653805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1193661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103280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B5EA2CD-CA99-4490-8662-1093B07E2D2D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72294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4" Type="http://schemas.openxmlformats.org/officeDocument/2006/relationships/image" Target="../media/image1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hyperlink" Target="http://www.1ppt.com/jieri/" TargetMode="External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797">
            <a:hlinkClick r:id="" action="ppaction://media"/>
            <a:extLst>
              <a:ext uri="{FF2B5EF4-FFF2-40B4-BE49-F238E27FC236}">
                <a16:creationId xmlns:a16="http://schemas.microsoft.com/office/drawing/2014/main" id="{CCCE7297-F4E1-4ED4-9FC0-DABFE273A501}"/>
              </a:ext>
            </a:extLst>
          </p:cNvPr>
          <p:cNvPicPr>
            <a:picLocks noChangeAspect="1"/>
          </p:cNvPicPr>
          <p:nvPr userDrawn="1"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191836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56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repeatCount="indefinite" fill="hold" display="0">
                  <p:stCondLst>
                    <p:cond delay="indefinite"/>
                  </p:stCondLst>
                </p:cTn>
                <p:tgtEl>
                  <p:spTgt spid="7"/>
                </p:tgtEl>
              </p:cMediaNode>
            </p:video>
          </p:childTnLst>
        </p:cTn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内容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6CC68400-40BE-432B-B065-CE95AE3DA66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内容占位符 2">
            <a:extLst>
              <a:ext uri="{FF2B5EF4-FFF2-40B4-BE49-F238E27FC236}">
                <a16:creationId xmlns:a16="http://schemas.microsoft.com/office/drawing/2014/main" id="{A84F8D77-48AD-4393-88F2-5A8AF2A788A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4" name="文本占位符 3">
            <a:extLst>
              <a:ext uri="{FF2B5EF4-FFF2-40B4-BE49-F238E27FC236}">
                <a16:creationId xmlns:a16="http://schemas.microsoft.com/office/drawing/2014/main" id="{E6AF9ECA-FF14-4070-8EE1-56F08DF0BC9F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5" name="日期占位符 4">
            <a:extLst>
              <a:ext uri="{FF2B5EF4-FFF2-40B4-BE49-F238E27FC236}">
                <a16:creationId xmlns:a16="http://schemas.microsoft.com/office/drawing/2014/main" id="{BF0B8411-C849-44CC-B310-608EEF8627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6" name="页脚占位符 5">
            <a:extLst>
              <a:ext uri="{FF2B5EF4-FFF2-40B4-BE49-F238E27FC236}">
                <a16:creationId xmlns:a16="http://schemas.microsoft.com/office/drawing/2014/main" id="{EC8D4AFF-E807-43B0-86EF-37278F70D1E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>
            <a:extLst>
              <a:ext uri="{FF2B5EF4-FFF2-40B4-BE49-F238E27FC236}">
                <a16:creationId xmlns:a16="http://schemas.microsoft.com/office/drawing/2014/main" id="{C7093E97-F209-449A-907B-4551FD4729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5610451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图片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25353C68-7646-4399-98D5-5B3C4D10220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图片占位符 2">
            <a:extLst>
              <a:ext uri="{FF2B5EF4-FFF2-40B4-BE49-F238E27FC236}">
                <a16:creationId xmlns:a16="http://schemas.microsoft.com/office/drawing/2014/main" id="{78757E82-B725-4624-A28B-37FCC824757F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zh-CN" altLang="en-US"/>
          </a:p>
        </p:txBody>
      </p:sp>
      <p:sp>
        <p:nvSpPr>
          <p:cNvPr id="4" name="文本占位符 3">
            <a:extLst>
              <a:ext uri="{FF2B5EF4-FFF2-40B4-BE49-F238E27FC236}">
                <a16:creationId xmlns:a16="http://schemas.microsoft.com/office/drawing/2014/main" id="{4443960C-6C6E-4FDE-8FD6-B259FE9BB0B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5" name="日期占位符 4">
            <a:extLst>
              <a:ext uri="{FF2B5EF4-FFF2-40B4-BE49-F238E27FC236}">
                <a16:creationId xmlns:a16="http://schemas.microsoft.com/office/drawing/2014/main" id="{9C5B9962-007D-4762-9257-4C462F7651B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6" name="页脚占位符 5">
            <a:extLst>
              <a:ext uri="{FF2B5EF4-FFF2-40B4-BE49-F238E27FC236}">
                <a16:creationId xmlns:a16="http://schemas.microsoft.com/office/drawing/2014/main" id="{8933CFB8-52CC-42BA-A7D5-D372EB358F9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>
            <a:extLst>
              <a:ext uri="{FF2B5EF4-FFF2-40B4-BE49-F238E27FC236}">
                <a16:creationId xmlns:a16="http://schemas.microsoft.com/office/drawing/2014/main" id="{4230BB3B-6FF6-45EE-94B6-EFE514A0DB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98730457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标题和竖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8FB31B81-A36D-4F74-9BD3-DC0D63FA1A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>
            <a:extLst>
              <a:ext uri="{FF2B5EF4-FFF2-40B4-BE49-F238E27FC236}">
                <a16:creationId xmlns:a16="http://schemas.microsoft.com/office/drawing/2014/main" id="{313C4CB7-C992-40B1-A52F-CF9A41276F1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4" name="日期占位符 3">
            <a:extLst>
              <a:ext uri="{FF2B5EF4-FFF2-40B4-BE49-F238E27FC236}">
                <a16:creationId xmlns:a16="http://schemas.microsoft.com/office/drawing/2014/main" id="{22565CE6-BEDC-4811-BD39-79E7C146BEB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5" name="页脚占位符 4">
            <a:extLst>
              <a:ext uri="{FF2B5EF4-FFF2-40B4-BE49-F238E27FC236}">
                <a16:creationId xmlns:a16="http://schemas.microsoft.com/office/drawing/2014/main" id="{988BD0CF-13D8-4911-9566-ACEF3CD2C1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>
            <a:extLst>
              <a:ext uri="{FF2B5EF4-FFF2-40B4-BE49-F238E27FC236}">
                <a16:creationId xmlns:a16="http://schemas.microsoft.com/office/drawing/2014/main" id="{A8D7BBF3-1B3A-4CE4-A65B-E54F1556A70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36534655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竖排标题与文本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竖排标题 1">
            <a:extLst>
              <a:ext uri="{FF2B5EF4-FFF2-40B4-BE49-F238E27FC236}">
                <a16:creationId xmlns:a16="http://schemas.microsoft.com/office/drawing/2014/main" id="{41B722FC-EC2A-48DE-AC5F-8E81F2EA89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>
            <a:extLst>
              <a:ext uri="{FF2B5EF4-FFF2-40B4-BE49-F238E27FC236}">
                <a16:creationId xmlns:a16="http://schemas.microsoft.com/office/drawing/2014/main" id="{E405403A-6B86-46E1-995E-2A5398C7958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4" name="日期占位符 3">
            <a:extLst>
              <a:ext uri="{FF2B5EF4-FFF2-40B4-BE49-F238E27FC236}">
                <a16:creationId xmlns:a16="http://schemas.microsoft.com/office/drawing/2014/main" id="{59F7AA5D-5136-4A57-B92C-828C56ECF4E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5" name="页脚占位符 4">
            <a:extLst>
              <a:ext uri="{FF2B5EF4-FFF2-40B4-BE49-F238E27FC236}">
                <a16:creationId xmlns:a16="http://schemas.microsoft.com/office/drawing/2014/main" id="{85B739A5-B8FB-4DA4-AB0D-66B1792E427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>
            <a:extLst>
              <a:ext uri="{FF2B5EF4-FFF2-40B4-BE49-F238E27FC236}">
                <a16:creationId xmlns:a16="http://schemas.microsoft.com/office/drawing/2014/main" id="{3630DFA6-1C10-4BA9-A1F8-80B27E2FCE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3327754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标题和竖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>
          <a:xfrm>
            <a:off x="609600" y="1600201"/>
            <a:ext cx="10972800" cy="4525963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>
          <a:xfrm>
            <a:off x="609600" y="6356351"/>
            <a:ext cx="2844800" cy="365125"/>
          </a:xfrm>
          <a:prstGeom prst="rect">
            <a:avLst/>
          </a:prstGeom>
        </p:spPr>
        <p:txBody>
          <a:bodyPr/>
          <a:lstStyle/>
          <a:p>
            <a:fld id="{2E3AAC11-D570-4EA9-AFC0-30FB72BA45EB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>
          <a:xfrm>
            <a:off x="4165600" y="6356351"/>
            <a:ext cx="3860800" cy="365125"/>
          </a:xfrm>
          <a:prstGeom prst="rect">
            <a:avLst/>
          </a:prstGeom>
        </p:spPr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>
          <a:xfrm>
            <a:off x="8737600" y="6356351"/>
            <a:ext cx="2844800" cy="365125"/>
          </a:xfrm>
          <a:prstGeom prst="rect">
            <a:avLst/>
          </a:prstGeom>
        </p:spPr>
        <p:txBody>
          <a:bodyPr/>
          <a:lstStyle/>
          <a:p>
            <a:fld id="{55ECCFAA-F4FB-487C-9F1E-C8836D0C3DC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54092905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垂直排列标题与文本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竖排标题 1"/>
          <p:cNvSpPr>
            <a:spLocks noGrp="1"/>
          </p:cNvSpPr>
          <p:nvPr>
            <p:ph type="title" orient="vert"/>
          </p:nvPr>
        </p:nvSpPr>
        <p:spPr>
          <a:xfrm>
            <a:off x="8839200" y="274639"/>
            <a:ext cx="2743200" cy="5851525"/>
          </a:xfrm>
          <a:prstGeom prst="rect">
            <a:avLst/>
          </a:prstGeom>
        </p:spPr>
        <p:txBody>
          <a:bodyPr vert="eaVert"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>
          <a:xfrm>
            <a:off x="609600" y="6356351"/>
            <a:ext cx="2844800" cy="365125"/>
          </a:xfrm>
          <a:prstGeom prst="rect">
            <a:avLst/>
          </a:prstGeom>
        </p:spPr>
        <p:txBody>
          <a:bodyPr/>
          <a:lstStyle/>
          <a:p>
            <a:fld id="{2E3AAC11-D570-4EA9-AFC0-30FB72BA45EB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>
          <a:xfrm>
            <a:off x="4165600" y="6356351"/>
            <a:ext cx="3860800" cy="365125"/>
          </a:xfrm>
          <a:prstGeom prst="rect">
            <a:avLst/>
          </a:prstGeom>
        </p:spPr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>
          <a:xfrm>
            <a:off x="8737600" y="6356351"/>
            <a:ext cx="2844800" cy="365125"/>
          </a:xfrm>
          <a:prstGeom prst="rect">
            <a:avLst/>
          </a:prstGeom>
        </p:spPr>
        <p:txBody>
          <a:bodyPr/>
          <a:lstStyle/>
          <a:p>
            <a:fld id="{55ECCFAA-F4FB-487C-9F1E-C8836D0C3DC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257955873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自定义版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7315390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>
            <a:extLst>
              <a:ext uri="{FF2B5EF4-FFF2-40B4-BE49-F238E27FC236}">
                <a16:creationId xmlns:a16="http://schemas.microsoft.com/office/drawing/2014/main" id="{34B29A9D-9234-4D6C-BFDD-BAC267C2B71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5540801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>
            <a:extLst>
              <a:ext uri="{FF2B5EF4-FFF2-40B4-BE49-F238E27FC236}">
                <a16:creationId xmlns:a16="http://schemas.microsoft.com/office/drawing/2014/main" id="{09A251F4-1A55-4054-B979-E3CC8C5BBFE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8261559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>
            <a:extLst>
              <a:ext uri="{FF2B5EF4-FFF2-40B4-BE49-F238E27FC236}">
                <a16:creationId xmlns:a16="http://schemas.microsoft.com/office/drawing/2014/main" id="{09A251F4-1A55-4054-B979-E3CC8C5BBFE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矩形 2">
            <a:extLst>
              <a:ext uri="{FF2B5EF4-FFF2-40B4-BE49-F238E27FC236}">
                <a16:creationId xmlns:a16="http://schemas.microsoft.com/office/drawing/2014/main" id="{E485DD1D-21FB-46C7-93D9-1DBC060E737E}"/>
              </a:ext>
            </a:extLst>
          </p:cNvPr>
          <p:cNvSpPr/>
          <p:nvPr userDrawn="1"/>
        </p:nvSpPr>
        <p:spPr>
          <a:xfrm>
            <a:off x="511320" y="486250"/>
            <a:ext cx="11169359" cy="5885500"/>
          </a:xfrm>
          <a:prstGeom prst="rect">
            <a:avLst/>
          </a:prstGeom>
          <a:solidFill>
            <a:schemeClr val="bg1">
              <a:alpha val="50000"/>
            </a:schemeClr>
          </a:solidFill>
          <a:ln w="571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4217"/>
            <a:endParaRPr lang="zh-CN" altLang="en-US" dirty="0">
              <a:solidFill>
                <a:schemeClr val="tx1">
                  <a:lumMod val="95000"/>
                  <a:lumOff val="5000"/>
                </a:schemeClr>
              </a:solidFill>
              <a:latin typeface="KaiTi" panose="02010609060101010101" pitchFamily="49" charset="-122"/>
              <a:ea typeface="KaiTi" panose="02010609060101010101" pitchFamily="49" charset="-122"/>
              <a:sym typeface="KaiTi" panose="02010609060101010101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355339469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25CE4507-A9DC-4403-9145-8D352DE91BA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内容占位符 2">
            <a:extLst>
              <a:ext uri="{FF2B5EF4-FFF2-40B4-BE49-F238E27FC236}">
                <a16:creationId xmlns:a16="http://schemas.microsoft.com/office/drawing/2014/main" id="{F9D8F23B-39A1-4D11-890E-DDB7A176ED21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4" name="内容占位符 3">
            <a:extLst>
              <a:ext uri="{FF2B5EF4-FFF2-40B4-BE49-F238E27FC236}">
                <a16:creationId xmlns:a16="http://schemas.microsoft.com/office/drawing/2014/main" id="{A499A0B9-7DB6-4BB1-B82A-F22A5A491A9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5" name="日期占位符 4">
            <a:extLst>
              <a:ext uri="{FF2B5EF4-FFF2-40B4-BE49-F238E27FC236}">
                <a16:creationId xmlns:a16="http://schemas.microsoft.com/office/drawing/2014/main" id="{0EA7023C-31FC-4FA2-8025-32985006811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6" name="页脚占位符 5">
            <a:extLst>
              <a:ext uri="{FF2B5EF4-FFF2-40B4-BE49-F238E27FC236}">
                <a16:creationId xmlns:a16="http://schemas.microsoft.com/office/drawing/2014/main" id="{E1C3E75D-EC7A-49AF-A2D9-E799F9E46E5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>
            <a:extLst>
              <a:ext uri="{FF2B5EF4-FFF2-40B4-BE49-F238E27FC236}">
                <a16:creationId xmlns:a16="http://schemas.microsoft.com/office/drawing/2014/main" id="{790A6948-BBAB-477E-AB55-2D161F8F6D5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72230835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7863B32D-8BCB-486C-A44D-FA2551B2349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>
            <a:extLst>
              <a:ext uri="{FF2B5EF4-FFF2-40B4-BE49-F238E27FC236}">
                <a16:creationId xmlns:a16="http://schemas.microsoft.com/office/drawing/2014/main" id="{59FD3EEA-40E8-4844-A84B-B004D1C2D28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4" name="内容占位符 3">
            <a:extLst>
              <a:ext uri="{FF2B5EF4-FFF2-40B4-BE49-F238E27FC236}">
                <a16:creationId xmlns:a16="http://schemas.microsoft.com/office/drawing/2014/main" id="{2D19FF95-C2C5-4F5C-BCE5-F409F3C6469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5" name="文本占位符 4">
            <a:extLst>
              <a:ext uri="{FF2B5EF4-FFF2-40B4-BE49-F238E27FC236}">
                <a16:creationId xmlns:a16="http://schemas.microsoft.com/office/drawing/2014/main" id="{FA819893-B629-4F10-8771-901793EF62A7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6" name="内容占位符 5">
            <a:extLst>
              <a:ext uri="{FF2B5EF4-FFF2-40B4-BE49-F238E27FC236}">
                <a16:creationId xmlns:a16="http://schemas.microsoft.com/office/drawing/2014/main" id="{3B2FCCF2-F2EE-4428-89A2-73C7CD0785BB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7" name="日期占位符 6">
            <a:extLst>
              <a:ext uri="{FF2B5EF4-FFF2-40B4-BE49-F238E27FC236}">
                <a16:creationId xmlns:a16="http://schemas.microsoft.com/office/drawing/2014/main" id="{E6FB6841-E3A0-46D7-AE68-B8E2EFD4C1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8" name="页脚占位符 7">
            <a:extLst>
              <a:ext uri="{FF2B5EF4-FFF2-40B4-BE49-F238E27FC236}">
                <a16:creationId xmlns:a16="http://schemas.microsoft.com/office/drawing/2014/main" id="{2EE5E451-C846-4700-BE4D-7420E6F1CB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9" name="灯片编号占位符 8">
            <a:extLst>
              <a:ext uri="{FF2B5EF4-FFF2-40B4-BE49-F238E27FC236}">
                <a16:creationId xmlns:a16="http://schemas.microsoft.com/office/drawing/2014/main" id="{483A4986-2BF7-4CBE-860B-098C498BE03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5013581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1_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7863B32D-8BCB-486C-A44D-FA2551B2349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>
            <a:extLst>
              <a:ext uri="{FF2B5EF4-FFF2-40B4-BE49-F238E27FC236}">
                <a16:creationId xmlns:a16="http://schemas.microsoft.com/office/drawing/2014/main" id="{59FD3EEA-40E8-4844-A84B-B004D1C2D28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4" name="内容占位符 3">
            <a:extLst>
              <a:ext uri="{FF2B5EF4-FFF2-40B4-BE49-F238E27FC236}">
                <a16:creationId xmlns:a16="http://schemas.microsoft.com/office/drawing/2014/main" id="{2D19FF95-C2C5-4F5C-BCE5-F409F3C6469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5" name="文本占位符 4">
            <a:extLst>
              <a:ext uri="{FF2B5EF4-FFF2-40B4-BE49-F238E27FC236}">
                <a16:creationId xmlns:a16="http://schemas.microsoft.com/office/drawing/2014/main" id="{FA819893-B629-4F10-8771-901793EF62A7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单击此处编辑母版文本样式</a:t>
            </a:r>
          </a:p>
        </p:txBody>
      </p:sp>
      <p:sp>
        <p:nvSpPr>
          <p:cNvPr id="6" name="内容占位符 5">
            <a:extLst>
              <a:ext uri="{FF2B5EF4-FFF2-40B4-BE49-F238E27FC236}">
                <a16:creationId xmlns:a16="http://schemas.microsoft.com/office/drawing/2014/main" id="{3B2FCCF2-F2EE-4428-89A2-73C7CD0785BB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7" name="日期占位符 6">
            <a:extLst>
              <a:ext uri="{FF2B5EF4-FFF2-40B4-BE49-F238E27FC236}">
                <a16:creationId xmlns:a16="http://schemas.microsoft.com/office/drawing/2014/main" id="{E6FB6841-E3A0-46D7-AE68-B8E2EFD4C1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8" name="页脚占位符 7">
            <a:extLst>
              <a:ext uri="{FF2B5EF4-FFF2-40B4-BE49-F238E27FC236}">
                <a16:creationId xmlns:a16="http://schemas.microsoft.com/office/drawing/2014/main" id="{2EE5E451-C846-4700-BE4D-7420E6F1CB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9" name="灯片编号占位符 8">
            <a:extLst>
              <a:ext uri="{FF2B5EF4-FFF2-40B4-BE49-F238E27FC236}">
                <a16:creationId xmlns:a16="http://schemas.microsoft.com/office/drawing/2014/main" id="{483A4986-2BF7-4CBE-860B-098C498BE03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  <p:sp>
        <p:nvSpPr>
          <p:cNvPr id="11" name="TextBox 5">
            <a:extLst>
              <a:ext uri="{FF2B5EF4-FFF2-40B4-BE49-F238E27FC236}">
                <a16:creationId xmlns:a16="http://schemas.microsoft.com/office/drawing/2014/main" id="{CE5CBD1E-58C8-5E16-E4CE-C6300FF72174}"/>
              </a:ext>
            </a:extLst>
          </p:cNvPr>
          <p:cNvSpPr txBox="1"/>
          <p:nvPr userDrawn="1"/>
        </p:nvSpPr>
        <p:spPr>
          <a:xfrm>
            <a:off x="1978522" y="6662260"/>
            <a:ext cx="1440159" cy="1184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200000"/>
              </a:lnSpc>
            </a:pPr>
            <a:r>
              <a:rPr lang="zh-CN" altLang="en-US" sz="100" dirty="0">
                <a:solidFill>
                  <a:prstClr val="black"/>
                </a:solidFill>
                <a:latin typeface="微软雅黑" panose="020B0503020204020204" pitchFamily="34" charset="-122"/>
                <a:ea typeface="微软雅黑" panose="020B0503020204020204" pitchFamily="34" charset="-122"/>
                <a:hlinkClick r:id="rId2"/>
              </a:rPr>
              <a:t>节日</a:t>
            </a:r>
            <a:r>
              <a:rPr lang="en-US" altLang="zh-CN" sz="100" dirty="0">
                <a:solidFill>
                  <a:prstClr val="black"/>
                </a:solidFill>
                <a:latin typeface="微软雅黑" panose="020B0503020204020204" pitchFamily="34" charset="-122"/>
                <a:ea typeface="微软雅黑" panose="020B0503020204020204" pitchFamily="34" charset="-122"/>
                <a:hlinkClick r:id="rId2"/>
              </a:rPr>
              <a:t>PPT</a:t>
            </a:r>
            <a:r>
              <a:rPr lang="zh-CN" altLang="en-US" sz="100" dirty="0">
                <a:solidFill>
                  <a:prstClr val="black"/>
                </a:solidFill>
                <a:latin typeface="微软雅黑" panose="020B0503020204020204" pitchFamily="34" charset="-122"/>
                <a:ea typeface="微软雅黑" panose="020B0503020204020204" pitchFamily="34" charset="-122"/>
                <a:hlinkClick r:id="rId2"/>
              </a:rPr>
              <a:t>模板</a:t>
            </a:r>
            <a:r>
              <a:rPr lang="zh-CN" altLang="en-US" sz="100" dirty="0">
                <a:solidFill>
                  <a:prstClr val="black"/>
                </a:solidFill>
                <a:latin typeface="微软雅黑" panose="020B0503020204020204" pitchFamily="34" charset="-122"/>
                <a:ea typeface="微软雅黑" panose="020B0503020204020204" pitchFamily="34" charset="-122"/>
              </a:rPr>
              <a:t> </a:t>
            </a:r>
            <a:r>
              <a:rPr lang="en-US" altLang="zh-CN" sz="100" dirty="0">
                <a:solidFill>
                  <a:prstClr val="black"/>
                </a:solidFill>
                <a:latin typeface="微软雅黑" panose="020B0503020204020204" pitchFamily="34" charset="-122"/>
                <a:ea typeface="微软雅黑" panose="020B0503020204020204" pitchFamily="34" charset="-122"/>
              </a:rPr>
              <a:t>http://www.1ppt.com/jieri/</a:t>
            </a:r>
          </a:p>
        </p:txBody>
      </p:sp>
    </p:spTree>
    <p:extLst>
      <p:ext uri="{BB962C8B-B14F-4D97-AF65-F5344CB8AC3E}">
        <p14:creationId xmlns:p14="http://schemas.microsoft.com/office/powerpoint/2010/main" val="343073297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仅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>
            <a:extLst>
              <a:ext uri="{FF2B5EF4-FFF2-40B4-BE49-F238E27FC236}">
                <a16:creationId xmlns:a16="http://schemas.microsoft.com/office/drawing/2014/main" id="{BBF6C0D4-73B6-47AD-B286-A2A047D311D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日期占位符 2">
            <a:extLst>
              <a:ext uri="{FF2B5EF4-FFF2-40B4-BE49-F238E27FC236}">
                <a16:creationId xmlns:a16="http://schemas.microsoft.com/office/drawing/2014/main" id="{E73AB4BC-A69E-4F51-8034-7E57B2AAE40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4" name="页脚占位符 3">
            <a:extLst>
              <a:ext uri="{FF2B5EF4-FFF2-40B4-BE49-F238E27FC236}">
                <a16:creationId xmlns:a16="http://schemas.microsoft.com/office/drawing/2014/main" id="{082233AE-1AD2-42FF-B7B8-1A0D5E7734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5" name="灯片编号占位符 4">
            <a:extLst>
              <a:ext uri="{FF2B5EF4-FFF2-40B4-BE49-F238E27FC236}">
                <a16:creationId xmlns:a16="http://schemas.microsoft.com/office/drawing/2014/main" id="{32F3D708-D960-4007-AABB-F21D6CCD7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20847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占位符 1">
            <a:extLst>
              <a:ext uri="{FF2B5EF4-FFF2-40B4-BE49-F238E27FC236}">
                <a16:creationId xmlns:a16="http://schemas.microsoft.com/office/drawing/2014/main" id="{FC85943F-E081-447A-9EB2-2B88D1C22E0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3" name="页脚占位符 2">
            <a:extLst>
              <a:ext uri="{FF2B5EF4-FFF2-40B4-BE49-F238E27FC236}">
                <a16:creationId xmlns:a16="http://schemas.microsoft.com/office/drawing/2014/main" id="{AFBAEEA8-CEEF-4F15-89D8-7DDE71B194F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>
            <a:extLst>
              <a:ext uri="{FF2B5EF4-FFF2-40B4-BE49-F238E27FC236}">
                <a16:creationId xmlns:a16="http://schemas.microsoft.com/office/drawing/2014/main" id="{C9D03397-6C58-4D98-89D1-203EEF75F7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7695270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6.xml"/><Relationship Id="rId2" Type="http://schemas.openxmlformats.org/officeDocument/2006/relationships/slideLayout" Target="../slideLayouts/slideLayout15.xml"/><Relationship Id="rId1" Type="http://schemas.openxmlformats.org/officeDocument/2006/relationships/slideLayout" Target="../slideLayouts/slideLayout14.xml"/><Relationship Id="rId4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占位符 1">
            <a:extLst>
              <a:ext uri="{FF2B5EF4-FFF2-40B4-BE49-F238E27FC236}">
                <a16:creationId xmlns:a16="http://schemas.microsoft.com/office/drawing/2014/main" id="{CB4417AF-FA81-40D2-A298-D8DD36F5CC4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CN" altLang="en-US"/>
              <a:t>单击此处编辑母版标题样式</a:t>
            </a:r>
          </a:p>
        </p:txBody>
      </p:sp>
      <p:sp>
        <p:nvSpPr>
          <p:cNvPr id="3" name="文本占位符 2">
            <a:extLst>
              <a:ext uri="{FF2B5EF4-FFF2-40B4-BE49-F238E27FC236}">
                <a16:creationId xmlns:a16="http://schemas.microsoft.com/office/drawing/2014/main" id="{1DC41C00-654E-4DA7-8043-74DF41C7C4A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CN" altLang="en-US"/>
              <a:t>单击此处编辑母版文本样式</a:t>
            </a:r>
          </a:p>
          <a:p>
            <a:pPr lvl="1"/>
            <a:r>
              <a:rPr lang="zh-CN" altLang="en-US"/>
              <a:t>二级</a:t>
            </a:r>
          </a:p>
          <a:p>
            <a:pPr lvl="2"/>
            <a:r>
              <a:rPr lang="zh-CN" altLang="en-US"/>
              <a:t>三级</a:t>
            </a:r>
          </a:p>
          <a:p>
            <a:pPr lvl="3"/>
            <a:r>
              <a:rPr lang="zh-CN" altLang="en-US"/>
              <a:t>四级</a:t>
            </a:r>
          </a:p>
          <a:p>
            <a:pPr lvl="4"/>
            <a:r>
              <a:rPr lang="zh-CN" altLang="en-US"/>
              <a:t>五级</a:t>
            </a:r>
          </a:p>
        </p:txBody>
      </p:sp>
      <p:sp>
        <p:nvSpPr>
          <p:cNvPr id="4" name="日期占位符 3">
            <a:extLst>
              <a:ext uri="{FF2B5EF4-FFF2-40B4-BE49-F238E27FC236}">
                <a16:creationId xmlns:a16="http://schemas.microsoft.com/office/drawing/2014/main" id="{F9585945-683B-4EB8-88DB-C025B66C7AA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54A4982-C666-477D-BAF9-C341D41BC368}" type="datetimeFigureOut">
              <a:rPr lang="zh-CN" altLang="en-US" smtClean="0"/>
              <a:t>2025/4/17</a:t>
            </a:fld>
            <a:endParaRPr lang="zh-CN" altLang="en-US"/>
          </a:p>
        </p:txBody>
      </p:sp>
      <p:sp>
        <p:nvSpPr>
          <p:cNvPr id="5" name="页脚占位符 4">
            <a:extLst>
              <a:ext uri="{FF2B5EF4-FFF2-40B4-BE49-F238E27FC236}">
                <a16:creationId xmlns:a16="http://schemas.microsoft.com/office/drawing/2014/main" id="{1D06BDBF-51C9-4F81-BBD4-6092E127C427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CN" altLang="en-US"/>
          </a:p>
        </p:txBody>
      </p:sp>
      <p:sp>
        <p:nvSpPr>
          <p:cNvPr id="6" name="灯片编号占位符 5">
            <a:extLst>
              <a:ext uri="{FF2B5EF4-FFF2-40B4-BE49-F238E27FC236}">
                <a16:creationId xmlns:a16="http://schemas.microsoft.com/office/drawing/2014/main" id="{F4C439A6-1331-4ABD-B0AA-DB0E34CAFED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C7F8AE8-204B-4879-81C1-C66B6C218019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82353185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60" r:id="rId4"/>
    <p:sldLayoutId id="2147483652" r:id="rId5"/>
    <p:sldLayoutId id="2147483653" r:id="rId6"/>
    <p:sldLayoutId id="2147483661" r:id="rId7"/>
    <p:sldLayoutId id="2147483654" r:id="rId8"/>
    <p:sldLayoutId id="2147483655" r:id="rId9"/>
    <p:sldLayoutId id="2147483656" r:id="rId10"/>
    <p:sldLayoutId id="2147483657" r:id="rId11"/>
    <p:sldLayoutId id="2147483658" r:id="rId12"/>
    <p:sldLayoutId id="2147483659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CN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2097781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3" r:id="rId1"/>
    <p:sldLayoutId id="2147483664" r:id="rId2"/>
    <p:sldLayoutId id="2147483665" r:id="rId3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CN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13" Type="http://schemas.openxmlformats.org/officeDocument/2006/relationships/image" Target="../media/image11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7.gif"/><Relationship Id="rId12" Type="http://schemas.microsoft.com/office/2007/relationships/hdphoto" Target="../media/hdphoto2.wdp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.xml"/><Relationship Id="rId6" Type="http://schemas.openxmlformats.org/officeDocument/2006/relationships/image" Target="../media/image6.png"/><Relationship Id="rId11" Type="http://schemas.openxmlformats.org/officeDocument/2006/relationships/image" Target="../media/image10.png"/><Relationship Id="rId5" Type="http://schemas.openxmlformats.org/officeDocument/2006/relationships/image" Target="../media/image5.png"/><Relationship Id="rId10" Type="http://schemas.openxmlformats.org/officeDocument/2006/relationships/image" Target="../media/image9.png"/><Relationship Id="rId4" Type="http://schemas.openxmlformats.org/officeDocument/2006/relationships/image" Target="../media/image4.png"/><Relationship Id="rId9" Type="http://schemas.microsoft.com/office/2007/relationships/hdphoto" Target="../media/hdphoto1.wdp"/><Relationship Id="rId14" Type="http://schemas.openxmlformats.org/officeDocument/2006/relationships/image" Target="../media/image12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6" Type="http://schemas.openxmlformats.org/officeDocument/2006/relationships/image" Target="../media/image5.png"/><Relationship Id="rId5" Type="http://schemas.openxmlformats.org/officeDocument/2006/relationships/image" Target="../media/image6.png"/><Relationship Id="rId10" Type="http://schemas.openxmlformats.org/officeDocument/2006/relationships/image" Target="../media/image30.png"/><Relationship Id="rId4" Type="http://schemas.openxmlformats.org/officeDocument/2006/relationships/image" Target="../media/image9.png"/><Relationship Id="rId9" Type="http://schemas.openxmlformats.org/officeDocument/2006/relationships/image" Target="../media/image29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12.xml"/><Relationship Id="rId6" Type="http://schemas.openxmlformats.org/officeDocument/2006/relationships/image" Target="../media/image31.png"/><Relationship Id="rId5" Type="http://schemas.openxmlformats.org/officeDocument/2006/relationships/image" Target="../media/image6.png"/><Relationship Id="rId4" Type="http://schemas.openxmlformats.org/officeDocument/2006/relationships/image" Target="../media/image5.png"/><Relationship Id="rId9" Type="http://schemas.openxmlformats.org/officeDocument/2006/relationships/image" Target="../media/image34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8.emf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3.xml"/><Relationship Id="rId6" Type="http://schemas.openxmlformats.org/officeDocument/2006/relationships/image" Target="../media/image37.png"/><Relationship Id="rId11" Type="http://schemas.openxmlformats.org/officeDocument/2006/relationships/image" Target="../media/image41.png"/><Relationship Id="rId5" Type="http://schemas.openxmlformats.org/officeDocument/2006/relationships/image" Target="../media/image36.png"/><Relationship Id="rId10" Type="http://schemas.openxmlformats.org/officeDocument/2006/relationships/image" Target="../media/image40.png"/><Relationship Id="rId4" Type="http://schemas.openxmlformats.org/officeDocument/2006/relationships/image" Target="../media/image35.jpeg"/><Relationship Id="rId9" Type="http://schemas.microsoft.com/office/2007/relationships/hdphoto" Target="../media/hdphoto3.wdp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44.pn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4.xml"/><Relationship Id="rId6" Type="http://schemas.microsoft.com/office/2007/relationships/hdphoto" Target="../media/hdphoto4.wdp"/><Relationship Id="rId5" Type="http://schemas.openxmlformats.org/officeDocument/2006/relationships/image" Target="../media/image43.png"/><Relationship Id="rId4" Type="http://schemas.openxmlformats.org/officeDocument/2006/relationships/image" Target="../media/image42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49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15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46.jp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44.pn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6.xml"/><Relationship Id="rId6" Type="http://schemas.microsoft.com/office/2007/relationships/hdphoto" Target="../media/hdphoto4.wdp"/><Relationship Id="rId5" Type="http://schemas.openxmlformats.org/officeDocument/2006/relationships/image" Target="../media/image43.png"/><Relationship Id="rId4" Type="http://schemas.openxmlformats.org/officeDocument/2006/relationships/image" Target="../media/image42.jpe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7.xml"/><Relationship Id="rId6" Type="http://schemas.openxmlformats.org/officeDocument/2006/relationships/image" Target="../media/image5.png"/><Relationship Id="rId11" Type="http://schemas.openxmlformats.org/officeDocument/2006/relationships/image" Target="../media/image18.png"/><Relationship Id="rId5" Type="http://schemas.openxmlformats.org/officeDocument/2006/relationships/image" Target="../media/image6.png"/><Relationship Id="rId10" Type="http://schemas.openxmlformats.org/officeDocument/2006/relationships/image" Target="../media/image17.png"/><Relationship Id="rId4" Type="http://schemas.openxmlformats.org/officeDocument/2006/relationships/image" Target="../media/image13.png"/><Relationship Id="rId9" Type="http://schemas.openxmlformats.org/officeDocument/2006/relationships/image" Target="../media/image16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11" Type="http://schemas.openxmlformats.org/officeDocument/2006/relationships/image" Target="../media/image18.png"/><Relationship Id="rId5" Type="http://schemas.openxmlformats.org/officeDocument/2006/relationships/image" Target="../media/image6.png"/><Relationship Id="rId10" Type="http://schemas.openxmlformats.org/officeDocument/2006/relationships/image" Target="../media/image17.png"/><Relationship Id="rId4" Type="http://schemas.openxmlformats.org/officeDocument/2006/relationships/image" Target="../media/image13.png"/><Relationship Id="rId9" Type="http://schemas.openxmlformats.org/officeDocument/2006/relationships/image" Target="../media/image16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2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4.sv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4.pn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5.xml"/><Relationship Id="rId6" Type="http://schemas.openxmlformats.org/officeDocument/2006/relationships/image" Target="../media/image42.svg"/><Relationship Id="rId11" Type="http://schemas.openxmlformats.org/officeDocument/2006/relationships/image" Target="../media/image20.png"/><Relationship Id="rId5" Type="http://schemas.openxmlformats.org/officeDocument/2006/relationships/image" Target="../media/image23.png"/><Relationship Id="rId10" Type="http://schemas.openxmlformats.org/officeDocument/2006/relationships/image" Target="../media/image46.svg"/><Relationship Id="rId4" Type="http://schemas.openxmlformats.org/officeDocument/2006/relationships/audio" Target="../media/audio1.wav"/><Relationship Id="rId9" Type="http://schemas.openxmlformats.org/officeDocument/2006/relationships/image" Target="../media/image2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6.xml"/><Relationship Id="rId5" Type="http://schemas.openxmlformats.org/officeDocument/2006/relationships/image" Target="../media/image22.png"/><Relationship Id="rId4" Type="http://schemas.openxmlformats.org/officeDocument/2006/relationships/image" Target="../media/image26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Relationship Id="rId6" Type="http://schemas.openxmlformats.org/officeDocument/2006/relationships/image" Target="../media/image5.png"/><Relationship Id="rId11" Type="http://schemas.openxmlformats.org/officeDocument/2006/relationships/image" Target="../media/image18.png"/><Relationship Id="rId5" Type="http://schemas.openxmlformats.org/officeDocument/2006/relationships/image" Target="../media/image6.png"/><Relationship Id="rId10" Type="http://schemas.openxmlformats.org/officeDocument/2006/relationships/image" Target="../media/image17.png"/><Relationship Id="rId4" Type="http://schemas.openxmlformats.org/officeDocument/2006/relationships/image" Target="../media/image13.png"/><Relationship Id="rId9" Type="http://schemas.openxmlformats.org/officeDocument/2006/relationships/image" Target="../media/image1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5" Type="http://schemas.openxmlformats.org/officeDocument/2006/relationships/image" Target="../media/image6.png"/><Relationship Id="rId4" Type="http://schemas.openxmlformats.org/officeDocument/2006/relationships/image" Target="../media/image9.png"/><Relationship Id="rId9" Type="http://schemas.openxmlformats.org/officeDocument/2006/relationships/image" Target="../media/image2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9.xml"/><Relationship Id="rId5" Type="http://schemas.openxmlformats.org/officeDocument/2006/relationships/image" Target="../media/image22.png"/><Relationship Id="rId4" Type="http://schemas.openxmlformats.org/officeDocument/2006/relationships/image" Target="../media/image28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6" Type="http://schemas.openxmlformats.org/officeDocument/2006/relationships/image" Target="../media/image5.png"/><Relationship Id="rId5" Type="http://schemas.openxmlformats.org/officeDocument/2006/relationships/image" Target="../media/image6.png"/><Relationship Id="rId4" Type="http://schemas.openxmlformats.org/officeDocument/2006/relationships/image" Target="../media/image9.png"/><Relationship Id="rId9" Type="http://schemas.openxmlformats.org/officeDocument/2006/relationships/image" Target="../media/image2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图片 4">
            <a:extLst>
              <a:ext uri="{FF2B5EF4-FFF2-40B4-BE49-F238E27FC236}">
                <a16:creationId xmlns:a16="http://schemas.microsoft.com/office/drawing/2014/main" id="{955D9FCC-A130-42C1-893A-57A1FBBA4327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10221874" y="3832778"/>
            <a:ext cx="3356456" cy="2822865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68AFFE7B-7389-447A-A90E-08CB02B9D1C3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789CA887-C328-4EF8-BD37-F5F28B4E8AF4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18" name="Picture 159" descr="10004015438746072987">
            <a:extLst>
              <a:ext uri="{FF2B5EF4-FFF2-40B4-BE49-F238E27FC236}">
                <a16:creationId xmlns:a16="http://schemas.microsoft.com/office/drawing/2014/main" id="{BF922957-16F4-43A1-B67B-543DCB7C74CC}"/>
              </a:ext>
            </a:extLst>
          </p:cNvPr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10786182" y="1581101"/>
            <a:ext cx="1322916" cy="13229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9" name="文本框 80">
            <a:extLst>
              <a:ext uri="{FF2B5EF4-FFF2-40B4-BE49-F238E27FC236}">
                <a16:creationId xmlns:a16="http://schemas.microsoft.com/office/drawing/2014/main" id="{1CF0F0CD-7E40-495B-95A4-545570DC125A}"/>
              </a:ext>
            </a:extLst>
          </p:cNvPr>
          <p:cNvSpPr txBox="1"/>
          <p:nvPr/>
        </p:nvSpPr>
        <p:spPr>
          <a:xfrm>
            <a:off x="1402420" y="3025900"/>
            <a:ext cx="9399455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Đề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tài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: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Tìm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hiểu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về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nghệ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thuật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múa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rối</a:t>
            </a:r>
            <a:r>
              <a:rPr lang="en-US" sz="3000" b="1" dirty="0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000" b="1" dirty="0" err="1">
                <a:solidFill>
                  <a:srgbClr val="3E830E"/>
                </a:solidFill>
                <a:latin typeface="iCiel Nabila" pitchFamily="2" charset="0"/>
                <a:ea typeface="SimSun-ExtB" panose="02010609060101010101" pitchFamily="49" charset="-122"/>
                <a:cs typeface="Times New Roman" panose="02020603050405020304" pitchFamily="18" charset="0"/>
              </a:rPr>
              <a:t>bóng</a:t>
            </a:r>
            <a:endParaRPr lang="en-US" sz="3000" b="1" dirty="0">
              <a:solidFill>
                <a:srgbClr val="3E830E"/>
              </a:solidFill>
              <a:latin typeface="iCiel Nabila" pitchFamily="2" charset="0"/>
              <a:ea typeface="SimSun-ExtB" panose="02010609060101010101" pitchFamily="49" charset="-122"/>
              <a:cs typeface="Times New Roman" panose="02020603050405020304" pitchFamily="18" charset="0"/>
            </a:endParaRPr>
          </a:p>
        </p:txBody>
      </p:sp>
      <p:sp>
        <p:nvSpPr>
          <p:cNvPr id="33" name="Rectangle 32">
            <a:extLst>
              <a:ext uri="{FF2B5EF4-FFF2-40B4-BE49-F238E27FC236}">
                <a16:creationId xmlns:a16="http://schemas.microsoft.com/office/drawing/2014/main" id="{56C8DFEB-2CC3-44D6-A86E-F4FBEA7D5A13}"/>
              </a:ext>
            </a:extLst>
          </p:cNvPr>
          <p:cNvSpPr/>
          <p:nvPr/>
        </p:nvSpPr>
        <p:spPr>
          <a:xfrm>
            <a:off x="1612651" y="2574007"/>
            <a:ext cx="8978992" cy="584776"/>
          </a:xfrm>
          <a:prstGeom prst="rect">
            <a:avLst/>
          </a:prstGeom>
          <a:noFill/>
        </p:spPr>
        <p:txBody>
          <a:bodyPr wrap="square" lIns="91440" tIns="45720" rIns="91440" bIns="45720">
            <a:prstTxWarp prst="textArchUp">
              <a:avLst>
                <a:gd name="adj" fmla="val 11316440"/>
              </a:avLst>
            </a:prstTxWarp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4000" b="1" noProof="0" dirty="0">
                <a:ln w="22225">
                  <a:noFill/>
                  <a:prstDash val="solid"/>
                </a:ln>
                <a:solidFill>
                  <a:srgbClr val="FF0000"/>
                </a:solidFill>
                <a:latin typeface="iCiel Pony" panose="02000000000000000000" pitchFamily="2" charset="0"/>
                <a:cs typeface="Times New Roman" panose="02020603050405020304" pitchFamily="18" charset="0"/>
              </a:rPr>
              <a:t>HOẠT ĐỘNG KHÁM PHÁ</a:t>
            </a:r>
            <a:endParaRPr kumimoji="0" lang="en-US" sz="4000" b="1" i="0" u="none" strike="noStrike" kern="1200" normalizeH="0" baseline="0" noProof="0" dirty="0">
              <a:ln w="22225">
                <a:noFill/>
                <a:prstDash val="solid"/>
              </a:ln>
              <a:solidFill>
                <a:srgbClr val="FF0000"/>
              </a:solidFill>
              <a:uLnTx/>
              <a:uFillTx/>
              <a:latin typeface="iCiel Pony" panose="02000000000000000000" pitchFamily="2" charset="0"/>
              <a:cs typeface="Times New Roman" panose="02020603050405020304" pitchFamily="18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1B0AB2DA-C858-4416-B1F8-B1153CFB60E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4773" b="96364" l="1707" r="95000">
                        <a14:foregroundMark x1="57927" y1="4773" x2="58537" y2="9545"/>
                        <a14:foregroundMark x1="57317" y1="29318" x2="56951" y2="40909"/>
                        <a14:foregroundMark x1="55488" y1="27955" x2="54634" y2="40227"/>
                        <a14:foregroundMark x1="29390" y1="90455" x2="63537" y2="85455"/>
                        <a14:foregroundMark x1="63537" y1="85455" x2="65732" y2="85909"/>
                        <a14:foregroundMark x1="24562" y1="84303" x2="31707" y2="84545"/>
                        <a14:foregroundMark x1="23902" y1="89545" x2="25366" y2="90000"/>
                        <a14:foregroundMark x1="23902" y1="88182" x2="23902" y2="90455"/>
                        <a14:backgroundMark x1="11951" y1="25000" x2="13902" y2="92727"/>
                        <a14:backgroundMark x1="17805" y1="32727" x2="18293" y2="90000"/>
                        <a14:backgroundMark x1="3537" y1="85909" x2="11098" y2="96591"/>
                        <a14:backgroundMark x1="11098" y1="96591" x2="11220" y2="96591"/>
                        <a14:backgroundMark x1="24832" y1="91399" x2="26098" y2="94545"/>
                        <a14:backgroundMark x1="20976" y1="81818" x2="23537" y2="88182"/>
                        <a14:backgroundMark x1="26098" y1="94545" x2="29146" y2="94545"/>
                        <a14:backgroundMark x1="94756" y1="34545" x2="89390" y2="98409"/>
                        <a14:backgroundMark x1="89634" y1="64773" x2="88902" y2="90000"/>
                        <a14:backgroundMark x1="2561" y1="70000" x2="1585" y2="86591"/>
                        <a14:backgroundMark x1="1585" y1="86591" x2="3537" y2="99318"/>
                        <a14:backgroundMark x1="5000" y1="94091" x2="6707" y2="99773"/>
                        <a14:backgroundMark x1="9146" y1="82273" x2="12927" y2="95909"/>
                        <a14:backgroundMark x1="15122" y1="83182" x2="16585" y2="87273"/>
                        <a14:backgroundMark x1="6951" y1="85455" x2="10732" y2="90909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1169394" y="4146817"/>
            <a:ext cx="4931595" cy="2646223"/>
          </a:xfrm>
          <a:prstGeom prst="rect">
            <a:avLst/>
          </a:prstGeom>
        </p:spPr>
      </p:pic>
      <p:pic>
        <p:nvPicPr>
          <p:cNvPr id="34" name="图片 38">
            <a:extLst>
              <a:ext uri="{FF2B5EF4-FFF2-40B4-BE49-F238E27FC236}">
                <a16:creationId xmlns:a16="http://schemas.microsoft.com/office/drawing/2014/main" id="{2C9C4E0B-7A5C-4F1F-BDDA-4B19DAFC8BCA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-2750" y="4757763"/>
            <a:ext cx="12192000" cy="2162808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C94A962E-B56E-4A4E-B4BD-B5523E20C2D6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9441" b="90210" l="5464" r="93212">
                        <a14:foregroundMark x1="14404" y1="44056" x2="15563" y2="90909"/>
                        <a14:foregroundMark x1="84603" y1="44056" x2="88576" y2="76573"/>
                        <a14:foregroundMark x1="93377" y1="39161" x2="91391" y2="70979"/>
                        <a14:foregroundMark x1="82450" y1="58042" x2="84603" y2="68531"/>
                        <a14:foregroundMark x1="14570" y1="52797" x2="16225" y2="69930"/>
                        <a14:foregroundMark x1="11258" y1="49301" x2="14901" y2="69580"/>
                        <a14:foregroundMark x1="5464" y1="39161" x2="7616" y2="43007"/>
                        <a14:foregroundMark x1="35099" y1="38112" x2="40894" y2="82168"/>
                        <a14:foregroundMark x1="36589" y1="56993" x2="36921" y2="7377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50400" y="6105753"/>
            <a:ext cx="1609258" cy="762000"/>
          </a:xfrm>
          <a:prstGeom prst="rect">
            <a:avLst/>
          </a:prstGeom>
        </p:spPr>
      </p:pic>
      <p:pic>
        <p:nvPicPr>
          <p:cNvPr id="10" name="图片 341">
            <a:extLst>
              <a:ext uri="{FF2B5EF4-FFF2-40B4-BE49-F238E27FC236}">
                <a16:creationId xmlns:a16="http://schemas.microsoft.com/office/drawing/2014/main" id="{C540EB87-761E-E6EB-7CE3-E47EB2E2E80C}"/>
              </a:ext>
            </a:extLst>
          </p:cNvPr>
          <p:cNvPicPr>
            <a:picLocks noChangeAspect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97209" y="5241872"/>
            <a:ext cx="4569479" cy="1570512"/>
          </a:xfrm>
          <a:prstGeom prst="rect">
            <a:avLst/>
          </a:prstGeom>
        </p:spPr>
      </p:pic>
      <p:sp>
        <p:nvSpPr>
          <p:cNvPr id="20" name="TextBox 19"/>
          <p:cNvSpPr txBox="1"/>
          <p:nvPr/>
        </p:nvSpPr>
        <p:spPr>
          <a:xfrm>
            <a:off x="3048000" y="152400"/>
            <a:ext cx="5625899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sz="2400" b="1" dirty="0" smtClean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UBND QUẬN LONG BIÊN</a:t>
            </a:r>
          </a:p>
          <a:p>
            <a:pPr algn="ctr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sz="2400" b="1" dirty="0" smtClean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RƯỜNG MẦM NON HOA THỦY TIÊN</a:t>
            </a:r>
            <a:endParaRPr lang="en-US" sz="2400" b="1" dirty="0">
              <a:solidFill>
                <a:srgbClr val="00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21" name="Picture 2" descr="D:\Desktop\301953430_573181971259336_1079574742649666813_n-removebg-preview.png"/>
          <p:cNvPicPr>
            <a:picLocks noChangeAspect="1" noChangeArrowheads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4000" y="1073428"/>
            <a:ext cx="762000" cy="762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2"/>
          <p:cNvSpPr/>
          <p:nvPr/>
        </p:nvSpPr>
        <p:spPr>
          <a:xfrm>
            <a:off x="3169023" y="4212417"/>
            <a:ext cx="6096000" cy="646331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vi-VN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 viên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uyễn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úy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ằng</a:t>
            </a:r>
            <a:endParaRPr lang="en-US" altLang="en-US" b="1" dirty="0">
              <a:solidFill>
                <a:srgbClr val="7030A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ứa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ỡ</a:t>
            </a:r>
            <a:r>
              <a:rPr lang="en-US" altLang="en-US" b="1" dirty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4-5 </a:t>
            </a:r>
            <a:r>
              <a:rPr lang="en-US" altLang="en-US" b="1" dirty="0" err="1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endParaRPr lang="en-US" altLang="en-US" b="1" dirty="0">
              <a:solidFill>
                <a:srgbClr val="7030A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507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Tm="26265">
        <p14:reveal/>
      </p:transition>
    </mc:Choice>
    <mc:Fallback xmlns="">
      <p:transition spd="slow" advTm="26265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2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250"/>
                            </p:stCondLst>
                            <p:childTnLst>
                              <p:par>
                                <p:cTn id="11" presetID="26" presetClass="entr" presetSubtype="0" fill="hold" grpId="0" nodeType="afterEffect">
                                  <p:stCondLst>
                                    <p:cond delay="50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" dur="653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" dur="2050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747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747" tmFilter="0, 0; 0.125,0.2665; 0.25,0.4; 0.375,0.465; 0.5,0.5;  0.625,0.535; 0.75,0.6; 0.875,0.7335; 1,1">
                                          <p:stCondLst>
                                            <p:cond delay="747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374" tmFilter="0, 0; 0.125,0.2665; 0.25,0.4; 0.375,0.465; 0.5,0.5;  0.625,0.535; 0.75,0.6; 0.875,0.7335; 1,1">
                                          <p:stCondLst>
                                            <p:cond delay="149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85" tmFilter="0, 0; 0.125,0.2665; 0.25,0.4; 0.375,0.465; 0.5,0.5;  0.625,0.535; 0.75,0.6; 0.875,0.7335; 1,1">
                                          <p:stCondLst>
                                            <p:cond delay="1863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9" dur="29">
                                          <p:stCondLst>
                                            <p:cond delay="731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20" dur="187" decel="50000">
                                          <p:stCondLst>
                                            <p:cond delay="761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1" dur="29">
                                          <p:stCondLst>
                                            <p:cond delay="1476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2" dur="187" decel="50000">
                                          <p:stCondLst>
                                            <p:cond delay="1505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3" dur="29">
                                          <p:stCondLst>
                                            <p:cond delay="1847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4" dur="187" decel="50000">
                                          <p:stCondLst>
                                            <p:cond delay="1876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5" dur="29">
                                          <p:stCondLst>
                                            <p:cond delay="2034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6" dur="187" decel="50000">
                                          <p:stCondLst>
                                            <p:cond delay="2063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575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8075"/>
                            </p:stCondLst>
                            <p:childTnLst>
                              <p:par>
                                <p:cTn id="32" presetID="53" presetClass="entr" presetSubtype="16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4" dur="1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6" dur="12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33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Google Shape;553;p19">
            <a:extLst>
              <a:ext uri="{FF2B5EF4-FFF2-40B4-BE49-F238E27FC236}">
                <a16:creationId xmlns:a16="http://schemas.microsoft.com/office/drawing/2014/main" id="{B3A05D04-E80D-8F9B-C3FE-74E6E55C28DF}"/>
              </a:ext>
            </a:extLst>
          </p:cNvPr>
          <p:cNvSpPr/>
          <p:nvPr/>
        </p:nvSpPr>
        <p:spPr>
          <a:xfrm>
            <a:off x="3133993" y="1412738"/>
            <a:ext cx="6778357" cy="3735705"/>
          </a:xfrm>
          <a:custGeom>
            <a:avLst/>
            <a:gdLst/>
            <a:ahLst/>
            <a:cxnLst/>
            <a:rect l="l" t="t" r="r" b="b"/>
            <a:pathLst>
              <a:path w="68961" h="34360" extrusionOk="0">
                <a:moveTo>
                  <a:pt x="29793" y="627"/>
                </a:moveTo>
                <a:cubicBezTo>
                  <a:pt x="31042" y="627"/>
                  <a:pt x="32291" y="656"/>
                  <a:pt x="33536" y="708"/>
                </a:cubicBezTo>
                <a:cubicBezTo>
                  <a:pt x="39019" y="872"/>
                  <a:pt x="44666" y="1385"/>
                  <a:pt x="50149" y="2248"/>
                </a:cubicBezTo>
                <a:cubicBezTo>
                  <a:pt x="55612" y="3193"/>
                  <a:pt x="61444" y="4897"/>
                  <a:pt x="65120" y="9600"/>
                </a:cubicBezTo>
                <a:cubicBezTo>
                  <a:pt x="68960" y="14570"/>
                  <a:pt x="68550" y="20977"/>
                  <a:pt x="64340" y="25597"/>
                </a:cubicBezTo>
                <a:cubicBezTo>
                  <a:pt x="60417" y="30054"/>
                  <a:pt x="54421" y="31512"/>
                  <a:pt x="48855" y="32456"/>
                </a:cubicBezTo>
                <a:cubicBezTo>
                  <a:pt x="43610" y="33353"/>
                  <a:pt x="38244" y="33806"/>
                  <a:pt x="32898" y="33806"/>
                </a:cubicBezTo>
                <a:cubicBezTo>
                  <a:pt x="31630" y="33806"/>
                  <a:pt x="30364" y="33781"/>
                  <a:pt x="29100" y="33730"/>
                </a:cubicBezTo>
                <a:cubicBezTo>
                  <a:pt x="23699" y="33483"/>
                  <a:pt x="18134" y="33052"/>
                  <a:pt x="12917" y="31245"/>
                </a:cubicBezTo>
                <a:cubicBezTo>
                  <a:pt x="7619" y="29376"/>
                  <a:pt x="2485" y="25782"/>
                  <a:pt x="1109" y="19786"/>
                </a:cubicBezTo>
                <a:cubicBezTo>
                  <a:pt x="0" y="15432"/>
                  <a:pt x="1027" y="10627"/>
                  <a:pt x="3594" y="7115"/>
                </a:cubicBezTo>
                <a:cubicBezTo>
                  <a:pt x="11507" y="2147"/>
                  <a:pt x="20660" y="627"/>
                  <a:pt x="29793" y="627"/>
                </a:cubicBezTo>
                <a:close/>
                <a:moveTo>
                  <a:pt x="30015" y="1"/>
                </a:moveTo>
                <a:cubicBezTo>
                  <a:pt x="21187" y="1"/>
                  <a:pt x="12367" y="1344"/>
                  <a:pt x="4621" y="5760"/>
                </a:cubicBezTo>
                <a:cubicBezTo>
                  <a:pt x="5134" y="5246"/>
                  <a:pt x="5730" y="4733"/>
                  <a:pt x="6325" y="4219"/>
                </a:cubicBezTo>
                <a:cubicBezTo>
                  <a:pt x="6486" y="4148"/>
                  <a:pt x="6367" y="3937"/>
                  <a:pt x="6226" y="3937"/>
                </a:cubicBezTo>
                <a:cubicBezTo>
                  <a:pt x="6204" y="3937"/>
                  <a:pt x="6182" y="3942"/>
                  <a:pt x="6161" y="3952"/>
                </a:cubicBezTo>
                <a:cubicBezTo>
                  <a:pt x="5216" y="4651"/>
                  <a:pt x="4374" y="5493"/>
                  <a:pt x="3676" y="6355"/>
                </a:cubicBezTo>
                <a:cubicBezTo>
                  <a:pt x="3081" y="6704"/>
                  <a:pt x="2485" y="7115"/>
                  <a:pt x="1890" y="7464"/>
                </a:cubicBezTo>
                <a:cubicBezTo>
                  <a:pt x="1675" y="7679"/>
                  <a:pt x="1805" y="8052"/>
                  <a:pt x="1993" y="8052"/>
                </a:cubicBezTo>
                <a:cubicBezTo>
                  <a:pt x="2038" y="8052"/>
                  <a:pt x="2088" y="8030"/>
                  <a:pt x="2136" y="7977"/>
                </a:cubicBezTo>
                <a:cubicBezTo>
                  <a:pt x="2403" y="7895"/>
                  <a:pt x="2567" y="7731"/>
                  <a:pt x="2731" y="7628"/>
                </a:cubicBezTo>
                <a:lnTo>
                  <a:pt x="2731" y="7628"/>
                </a:lnTo>
                <a:cubicBezTo>
                  <a:pt x="1109" y="10031"/>
                  <a:pt x="267" y="12947"/>
                  <a:pt x="164" y="15945"/>
                </a:cubicBezTo>
                <a:cubicBezTo>
                  <a:pt x="82" y="20895"/>
                  <a:pt x="2403" y="25351"/>
                  <a:pt x="6161" y="28267"/>
                </a:cubicBezTo>
                <a:cubicBezTo>
                  <a:pt x="10350" y="31594"/>
                  <a:pt x="15751" y="32888"/>
                  <a:pt x="20803" y="33565"/>
                </a:cubicBezTo>
                <a:cubicBezTo>
                  <a:pt x="24877" y="34101"/>
                  <a:pt x="28950" y="34359"/>
                  <a:pt x="33024" y="34359"/>
                </a:cubicBezTo>
                <a:cubicBezTo>
                  <a:pt x="36138" y="34359"/>
                  <a:pt x="39252" y="34208"/>
                  <a:pt x="42366" y="33915"/>
                </a:cubicBezTo>
                <a:cubicBezTo>
                  <a:pt x="48609" y="33216"/>
                  <a:pt x="55530" y="32456"/>
                  <a:pt x="61013" y="29027"/>
                </a:cubicBezTo>
                <a:cubicBezTo>
                  <a:pt x="65366" y="26378"/>
                  <a:pt x="68960" y="21490"/>
                  <a:pt x="68365" y="16028"/>
                </a:cubicBezTo>
                <a:cubicBezTo>
                  <a:pt x="67851" y="10811"/>
                  <a:pt x="63826" y="6602"/>
                  <a:pt x="59473" y="4384"/>
                </a:cubicBezTo>
                <a:cubicBezTo>
                  <a:pt x="53907" y="1652"/>
                  <a:pt x="47500" y="1221"/>
                  <a:pt x="41504" y="626"/>
                </a:cubicBezTo>
                <a:cubicBezTo>
                  <a:pt x="37732" y="257"/>
                  <a:pt x="33873" y="1"/>
                  <a:pt x="30015" y="1"/>
                </a:cubicBezTo>
                <a:close/>
              </a:path>
            </a:pathLst>
          </a:custGeom>
          <a:solidFill>
            <a:srgbClr val="0070C0"/>
          </a:solidFill>
          <a:ln w="19050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200">
              <a:buClr>
                <a:srgbClr val="000000"/>
              </a:buClr>
            </a:pPr>
            <a:endParaRPr sz="1865" kern="0">
              <a:solidFill>
                <a:srgbClr val="000000"/>
              </a:solidFill>
              <a:cs typeface="+mn-ea"/>
              <a:sym typeface="+mn-lt"/>
            </a:endParaRPr>
          </a:p>
        </p:txBody>
      </p:sp>
      <p:pic>
        <p:nvPicPr>
          <p:cNvPr id="3" name="图片 38">
            <a:extLst>
              <a:ext uri="{FF2B5EF4-FFF2-40B4-BE49-F238E27FC236}">
                <a16:creationId xmlns:a16="http://schemas.microsoft.com/office/drawing/2014/main" id="{F0E12F91-6C08-9029-75A2-D8E1AC44489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0" y="4707899"/>
            <a:ext cx="12192000" cy="2162808"/>
          </a:xfrm>
          <a:prstGeom prst="rect">
            <a:avLst/>
          </a:prstGeom>
        </p:spPr>
      </p:pic>
      <p:pic>
        <p:nvPicPr>
          <p:cNvPr id="4" name="图片 16">
            <a:extLst>
              <a:ext uri="{FF2B5EF4-FFF2-40B4-BE49-F238E27FC236}">
                <a16:creationId xmlns:a16="http://schemas.microsoft.com/office/drawing/2014/main" id="{24394805-B380-FB07-5CB1-142ACB000927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5" name="图片 15">
            <a:extLst>
              <a:ext uri="{FF2B5EF4-FFF2-40B4-BE49-F238E27FC236}">
                <a16:creationId xmlns:a16="http://schemas.microsoft.com/office/drawing/2014/main" id="{ACC53C4A-6DB2-60D1-048E-2DBAEBF6CAB9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C3FC0F6F-D8BF-EA3B-3932-E79B1A8BC670}"/>
              </a:ext>
            </a:extLst>
          </p:cNvPr>
          <p:cNvPicPr>
            <a:picLocks noChangeAspect="1"/>
          </p:cNvPicPr>
          <p:nvPr/>
        </p:nvPicPr>
        <p:blipFill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290195" y="469265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14DC873F-9036-61A2-A55B-3B269A708E10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14540156" y="-498953"/>
            <a:ext cx="2741295" cy="2768600"/>
          </a:xfrm>
          <a:prstGeom prst="rect">
            <a:avLst/>
          </a:prstGeom>
        </p:spPr>
      </p:pic>
      <p:sp>
        <p:nvSpPr>
          <p:cNvPr id="13" name="文本框 7">
            <a:extLst>
              <a:ext uri="{FF2B5EF4-FFF2-40B4-BE49-F238E27FC236}">
                <a16:creationId xmlns:a16="http://schemas.microsoft.com/office/drawing/2014/main" id="{770AD8CB-C86E-D8FE-BD12-E8257B2A7B38}"/>
              </a:ext>
            </a:extLst>
          </p:cNvPr>
          <p:cNvSpPr txBox="1"/>
          <p:nvPr/>
        </p:nvSpPr>
        <p:spPr>
          <a:xfrm>
            <a:off x="4060629" y="2848892"/>
            <a:ext cx="5705240" cy="13849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fontAlgn="auto"/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Cách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tạo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sân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khấu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và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sử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dụng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rối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bóng</a:t>
            </a:r>
            <a:endParaRPr lang="zh-CN" altLang="en-US" sz="4200" b="1" dirty="0">
              <a:solidFill>
                <a:srgbClr val="FF0000"/>
              </a:solidFill>
              <a:latin typeface="iCiel Mijas" panose="02000506000000020004" pitchFamily="50" charset="0"/>
              <a:cs typeface="+mn-ea"/>
              <a:sym typeface="+mn-lt"/>
            </a:endParaRPr>
          </a:p>
        </p:txBody>
      </p:sp>
      <p:pic>
        <p:nvPicPr>
          <p:cNvPr id="14" name="图片 1" descr="51miz-E1178702-E41561B1">
            <a:extLst>
              <a:ext uri="{FF2B5EF4-FFF2-40B4-BE49-F238E27FC236}">
                <a16:creationId xmlns:a16="http://schemas.microsoft.com/office/drawing/2014/main" id="{FEB2FB09-7123-C50D-A9E0-E958D40E855C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736889" y="176210"/>
            <a:ext cx="4251960" cy="3188970"/>
          </a:xfrm>
          <a:prstGeom prst="rect">
            <a:avLst/>
          </a:prstGeom>
        </p:spPr>
      </p:pic>
      <p:pic>
        <p:nvPicPr>
          <p:cNvPr id="17" name="图片 5" descr="51miz-E1257743-198240E1">
            <a:extLst>
              <a:ext uri="{FF2B5EF4-FFF2-40B4-BE49-F238E27FC236}">
                <a16:creationId xmlns:a16="http://schemas.microsoft.com/office/drawing/2014/main" id="{3D78AA2F-3D05-3331-5EB6-32782CF2620D}"/>
              </a:ext>
            </a:extLst>
          </p:cNvPr>
          <p:cNvPicPr>
            <a:picLocks noChangeAspect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18961" y="1726695"/>
            <a:ext cx="5144012" cy="5144012"/>
          </a:xfrm>
          <a:prstGeom prst="rect">
            <a:avLst/>
          </a:prstGeom>
        </p:spPr>
      </p:pic>
      <p:sp>
        <p:nvSpPr>
          <p:cNvPr id="18" name="TextBox 17">
            <a:extLst>
              <a:ext uri="{FF2B5EF4-FFF2-40B4-BE49-F238E27FC236}">
                <a16:creationId xmlns:a16="http://schemas.microsoft.com/office/drawing/2014/main" id="{BA0DDB5C-0EF9-D32D-1264-4358DC7ED9F9}"/>
              </a:ext>
            </a:extLst>
          </p:cNvPr>
          <p:cNvSpPr txBox="1"/>
          <p:nvPr/>
        </p:nvSpPr>
        <p:spPr>
          <a:xfrm>
            <a:off x="3103961" y="2309818"/>
            <a:ext cx="1067924" cy="707886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sz="4000" b="1" dirty="0">
                <a:solidFill>
                  <a:srgbClr val="002060"/>
                </a:solidFill>
              </a:rPr>
              <a:t>2.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10573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44767"/>
    </mc:Choice>
    <mc:Fallback xmlns="">
      <p:transition spd="slow" advTm="44767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>
            <a:extLst>
              <a:ext uri="{FF2B5EF4-FFF2-40B4-BE49-F238E27FC236}">
                <a16:creationId xmlns:a16="http://schemas.microsoft.com/office/drawing/2014/main" id="{A0D68EC9-8530-42DD-9347-059716CF5AB3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241280" y="0"/>
            <a:ext cx="1950720" cy="1770695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6EF5AA5C-F4BB-4FB4-B1A8-EBF7545CEB2E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0"/>
            <a:ext cx="2204085" cy="1661218"/>
          </a:xfrm>
          <a:prstGeom prst="rect">
            <a:avLst/>
          </a:prstGeom>
        </p:spPr>
      </p:pic>
      <p:pic>
        <p:nvPicPr>
          <p:cNvPr id="11" name="图片 10">
            <a:extLst>
              <a:ext uri="{FF2B5EF4-FFF2-40B4-BE49-F238E27FC236}">
                <a16:creationId xmlns:a16="http://schemas.microsoft.com/office/drawing/2014/main" id="{1CD25B1B-49D6-4716-8F9B-9C9581294270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3079873"/>
            <a:ext cx="3971109" cy="3778127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3F1B0382-18A8-4C35-B77F-1DA5B2B54205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905046" y="1658291"/>
            <a:ext cx="928516" cy="831459"/>
          </a:xfrm>
          <a:prstGeom prst="rect">
            <a:avLst/>
          </a:prstGeom>
        </p:spPr>
      </p:pic>
      <p:pic>
        <p:nvPicPr>
          <p:cNvPr id="25" name="图片 24">
            <a:extLst>
              <a:ext uri="{FF2B5EF4-FFF2-40B4-BE49-F238E27FC236}">
                <a16:creationId xmlns:a16="http://schemas.microsoft.com/office/drawing/2014/main" id="{EF934D37-5F73-47C1-B224-A1D09A149FD8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11184977" y="1809441"/>
            <a:ext cx="928516" cy="831459"/>
          </a:xfrm>
          <a:prstGeom prst="rect">
            <a:avLst/>
          </a:prstGeom>
        </p:spPr>
      </p:pic>
      <p:pic>
        <p:nvPicPr>
          <p:cNvPr id="26" name="图片 5">
            <a:extLst>
              <a:ext uri="{FF2B5EF4-FFF2-40B4-BE49-F238E27FC236}">
                <a16:creationId xmlns:a16="http://schemas.microsoft.com/office/drawing/2014/main" id="{A7F5CC16-C3DB-4D7C-B743-CDB15375257C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423852" y="436543"/>
            <a:ext cx="8817428" cy="4408714"/>
          </a:xfrm>
          <a:prstGeom prst="rect">
            <a:avLst/>
          </a:prstGeom>
        </p:spPr>
      </p:pic>
      <p:pic>
        <p:nvPicPr>
          <p:cNvPr id="29" name="图片 24">
            <a:extLst>
              <a:ext uri="{FF2B5EF4-FFF2-40B4-BE49-F238E27FC236}">
                <a16:creationId xmlns:a16="http://schemas.microsoft.com/office/drawing/2014/main" id="{E415B0E9-2DD7-459D-B934-989C0996CABF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8646363" y="3360842"/>
            <a:ext cx="2871333" cy="3452927"/>
          </a:xfrm>
          <a:prstGeom prst="rect">
            <a:avLst/>
          </a:prstGeom>
        </p:spPr>
      </p:pic>
      <p:sp>
        <p:nvSpPr>
          <p:cNvPr id="30" name="文本框 7">
            <a:extLst>
              <a:ext uri="{FF2B5EF4-FFF2-40B4-BE49-F238E27FC236}">
                <a16:creationId xmlns:a16="http://schemas.microsoft.com/office/drawing/2014/main" id="{5D39AF2C-F486-4177-A96B-5A007B0F82C4}"/>
              </a:ext>
            </a:extLst>
          </p:cNvPr>
          <p:cNvSpPr txBox="1"/>
          <p:nvPr/>
        </p:nvSpPr>
        <p:spPr>
          <a:xfrm>
            <a:off x="2717025" y="1948402"/>
            <a:ext cx="570524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fontAlgn="auto"/>
            <a:r>
              <a:rPr lang="en-US" altLang="zh-CN" sz="7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Mở</a:t>
            </a:r>
            <a:r>
              <a:rPr lang="en-US" altLang="zh-CN" sz="7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7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rộng</a:t>
            </a:r>
            <a:endParaRPr lang="zh-CN" altLang="en-US" sz="7200" b="1" dirty="0">
              <a:solidFill>
                <a:srgbClr val="FF0000"/>
              </a:solidFill>
              <a:latin typeface="iCiel Mijas" panose="02000506000000020004" pitchFamily="50" charset="0"/>
              <a:cs typeface="+mn-ea"/>
              <a:sym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417624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 advTm="36767">
        <p15:prstTrans prst="airplane"/>
      </p:transition>
    </mc:Choice>
    <mc:Fallback xmlns="">
      <p:transition spd="slow" advTm="36767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0093" y="0"/>
            <a:ext cx="12192000" cy="6858000"/>
          </a:xfrm>
          <a:prstGeom prst="rect">
            <a:avLst/>
          </a:prstGeom>
        </p:spPr>
      </p:pic>
      <p:pic>
        <p:nvPicPr>
          <p:cNvPr id="22" name="图片 325">
            <a:extLst>
              <a:ext uri="{FF2B5EF4-FFF2-40B4-BE49-F238E27FC236}">
                <a16:creationId xmlns:a16="http://schemas.microsoft.com/office/drawing/2014/main" id="{17D90F82-D78F-42DD-9A56-9556F66F13AD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8581" y="6159088"/>
            <a:ext cx="8283419" cy="698913"/>
          </a:xfrm>
          <a:prstGeom prst="rect">
            <a:avLst/>
          </a:prstGeom>
        </p:spPr>
      </p:pic>
      <p:pic>
        <p:nvPicPr>
          <p:cNvPr id="18" name="图片 327">
            <a:extLst>
              <a:ext uri="{FF2B5EF4-FFF2-40B4-BE49-F238E27FC236}">
                <a16:creationId xmlns:a16="http://schemas.microsoft.com/office/drawing/2014/main" id="{E189541B-B39E-4638-9D43-92944763BE1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6159088"/>
            <a:ext cx="7914548" cy="698913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7611397" y="6106138"/>
            <a:ext cx="2076450" cy="381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/>
              <a:t>Nguồn</a:t>
            </a:r>
            <a:r>
              <a:rPr lang="en-US" dirty="0"/>
              <a:t>: </a:t>
            </a:r>
            <a:r>
              <a:rPr lang="en-US" dirty="0" err="1"/>
              <a:t>Youtube</a:t>
            </a:r>
            <a:endParaRPr lang="en-US" dirty="0"/>
          </a:p>
        </p:txBody>
      </p:sp>
      <p:sp>
        <p:nvSpPr>
          <p:cNvPr id="11" name="Rounded Rectangle 10"/>
          <p:cNvSpPr/>
          <p:nvPr/>
        </p:nvSpPr>
        <p:spPr>
          <a:xfrm>
            <a:off x="1356863" y="923732"/>
            <a:ext cx="9427565" cy="5577003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 w="76200">
            <a:solidFill>
              <a:schemeClr val="tx1">
                <a:lumMod val="95000"/>
                <a:lumOff val="5000"/>
              </a:schemeClr>
            </a:solidFill>
            <a:prstDash val="solid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5" name="图片 33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-2952538" y="-2487650"/>
            <a:ext cx="1482979" cy="1364160"/>
          </a:xfrm>
          <a:prstGeom prst="rect">
            <a:avLst/>
          </a:prstGeom>
        </p:spPr>
      </p:pic>
      <p:sp>
        <p:nvSpPr>
          <p:cNvPr id="6" name="Rounded Rectangle 5"/>
          <p:cNvSpPr/>
          <p:nvPr/>
        </p:nvSpPr>
        <p:spPr>
          <a:xfrm>
            <a:off x="1609200" y="1163543"/>
            <a:ext cx="8922890" cy="5064655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 w="57150">
            <a:prstDash val="lg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TextBox 23"/>
          <p:cNvSpPr txBox="1"/>
          <p:nvPr/>
        </p:nvSpPr>
        <p:spPr>
          <a:xfrm>
            <a:off x="8106281" y="6159087"/>
            <a:ext cx="2076450" cy="381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/>
              <a:t>Nguồn</a:t>
            </a:r>
            <a:r>
              <a:rPr lang="en-US" dirty="0"/>
              <a:t>: </a:t>
            </a:r>
            <a:r>
              <a:rPr lang="en-US" dirty="0" err="1"/>
              <a:t>Youtube</a:t>
            </a:r>
            <a:endParaRPr lang="en-US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10000" b="90000" l="300" r="56100">
                        <a14:foregroundMark x1="30800" y1="61019" x2="29100" y2="69074"/>
                        <a14:foregroundMark x1="26900" y1="72315" x2="24300" y2="80000"/>
                        <a14:foregroundMark x1="30400" y1="74352" x2="32500" y2="78796"/>
                        <a14:foregroundMark x1="33000" y1="82870" x2="33000" y2="82870"/>
                        <a14:foregroundMark x1="22900" y1="86481" x2="22900" y2="86481"/>
                        <a14:foregroundMark x1="8500" y1="52963" x2="14200" y2="54167"/>
                        <a14:foregroundMark x1="38200" y1="49259" x2="43900" y2="45278"/>
                        <a14:foregroundMark x1="29100" y1="35926" x2="29100" y2="35926"/>
                        <a14:foregroundMark x1="16000" y1="33148" x2="16000" y2="33148"/>
                        <a14:foregroundMark x1="16000" y1="33148" x2="16000" y2="34722"/>
                        <a14:foregroundMark x1="16000" y1="35556" x2="16000" y2="35556"/>
                        <a14:foregroundMark x1="47800" y1="22593" x2="47800" y2="22593"/>
                        <a14:foregroundMark x1="51700" y1="44815" x2="51700" y2="44815"/>
                        <a14:foregroundMark x1="52600" y1="46481" x2="52600" y2="46481"/>
                        <a14:foregroundMark x1="35600" y1="10926" x2="35600" y2="10926"/>
                        <a14:foregroundMark x1="52800" y1="23796" x2="52800" y2="23796"/>
                        <a14:foregroundMark x1="41700" y1="57778" x2="41700" y2="57778"/>
                        <a14:foregroundMark x1="39700" y1="30556" x2="39700" y2="30556"/>
                        <a14:foregroundMark x1="11400" y1="25648" x2="11400" y2="2564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81428" y="3100510"/>
            <a:ext cx="3828396" cy="4134668"/>
          </a:xfrm>
          <a:prstGeom prst="rect">
            <a:avLst/>
          </a:prstGeom>
        </p:spPr>
      </p:pic>
      <p:pic>
        <p:nvPicPr>
          <p:cNvPr id="13" name="图片 14">
            <a:extLst>
              <a:ext uri="{FF2B5EF4-FFF2-40B4-BE49-F238E27FC236}">
                <a16:creationId xmlns:a16="http://schemas.microsoft.com/office/drawing/2014/main" id="{32954C8E-A179-4810-ADF1-62EE40BDCAE3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8728132" y="906741"/>
            <a:ext cx="2346240" cy="1277603"/>
          </a:xfrm>
          <a:prstGeom prst="rect">
            <a:avLst/>
          </a:prstGeom>
        </p:spPr>
      </p:pic>
      <p:pic>
        <p:nvPicPr>
          <p:cNvPr id="23" name="图片 14">
            <a:extLst>
              <a:ext uri="{FF2B5EF4-FFF2-40B4-BE49-F238E27FC236}">
                <a16:creationId xmlns:a16="http://schemas.microsoft.com/office/drawing/2014/main" id="{32954C8E-A179-4810-ADF1-62EE40BDCAE3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919" y="957066"/>
            <a:ext cx="2346240" cy="1277603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 rotWithShape="1">
          <a:blip r:embed="rId11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2778" b="89352" l="46800" r="96700">
                        <a14:foregroundMark x1="55000" y1="19259" x2="55000" y2="19259"/>
                        <a14:foregroundMark x1="55400" y1="20741" x2="55400" y2="20741"/>
                        <a14:foregroundMark x1="64800" y1="8611" x2="64800" y2="8611"/>
                        <a14:foregroundMark x1="52700" y1="46481" x2="52700" y2="46481"/>
                        <a14:foregroundMark x1="51600" y1="24074" x2="51600" y2="24074"/>
                        <a14:foregroundMark x1="67500" y1="6667" x2="67500" y2="6667"/>
                        <a14:foregroundMark x1="71400" y1="42963" x2="71400" y2="42963"/>
                        <a14:foregroundMark x1="47500" y1="22222" x2="47500" y2="2222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48715" b="8920"/>
          <a:stretch/>
        </p:blipFill>
        <p:spPr>
          <a:xfrm flipH="1">
            <a:off x="358819" y="3029405"/>
            <a:ext cx="1996088" cy="38285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919387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43822"/>
    </mc:Choice>
    <mc:Fallback xmlns="">
      <p:transition spd="slow" advTm="43822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 fmla="#ppt_x+(cos(-2*pi*(1-$))*-#ppt_x-sin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+(sin(-2*pi*(1-$))*-#ppt_x+cos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1" presetID="5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 fmla="#ppt_x+(cos(-2*pi*(1-$))*-#ppt_x-sin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+(sin(-2*pi*(1-$))*-#ppt_x+cos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2" presetID="42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7" presetID="42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2" presetID="32" presetClass="emph" presetSubtype="0" repeatCount="indefinite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Rot by="120000"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4" dur="2" fill="hold">
                                          <p:stCondLst>
                                            <p:cond delay="395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5" dur="2" fill="hold">
                                          <p:stCondLst>
                                            <p:cond delay="78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6" dur="2" fill="hold">
                                          <p:stCondLst>
                                            <p:cond delay="1184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7" dur="2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8" presetID="32" presetClass="emph" presetSubtype="0" repeatCount="indefinite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Rot by="120000">
                                      <p:cBhvr>
                                        <p:cTn id="39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0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1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2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3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4" descr="Background nền rừng cây và cây cỏ hoa lá vector AI | Diễn đàn chia sẻ file  thiết kế đồ họa miễn phí">
            <a:extLst>
              <a:ext uri="{FF2B5EF4-FFF2-40B4-BE49-F238E27FC236}">
                <a16:creationId xmlns:a16="http://schemas.microsoft.com/office/drawing/2014/main" id="{5A6C1ED2-BD09-4F31-9EDD-6174C90956F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439620" y="0"/>
            <a:ext cx="13784066" cy="69107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54" name="Picture 30" descr="Cartoon creative text box, animal, creative, dialog box png | PNGWing">
            <a:extLst>
              <a:ext uri="{FF2B5EF4-FFF2-40B4-BE49-F238E27FC236}">
                <a16:creationId xmlns:a16="http://schemas.microsoft.com/office/drawing/2014/main" id="{B6FA72C1-9443-41CF-9ADE-502A6F5288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948" b="90439" l="10000" r="90000">
                        <a14:foregroundMark x1="42500" y1="35530" x2="68152" y2="31912"/>
                        <a14:foregroundMark x1="68152" y1="31912" x2="75000" y2="31912"/>
                        <a14:foregroundMark x1="75000" y1="31912" x2="84783" y2="36176"/>
                        <a14:foregroundMark x1="84783" y1="36176" x2="88804" y2="42506"/>
                        <a14:foregroundMark x1="88804" y1="42506" x2="91087" y2="71576"/>
                        <a14:foregroundMark x1="91087" y1="71576" x2="83478" y2="86693"/>
                        <a14:foregroundMark x1="83478" y1="86693" x2="78043" y2="90052"/>
                        <a14:foregroundMark x1="78043" y1="90052" x2="30109" y2="92506"/>
                        <a14:foregroundMark x1="30109" y1="92506" x2="23478" y2="90439"/>
                        <a14:foregroundMark x1="23478" y1="90439" x2="16304" y2="74935"/>
                        <a14:foregroundMark x1="16304" y1="74935" x2="15652" y2="55039"/>
                        <a14:foregroundMark x1="15652" y1="55039" x2="17826" y2="46512"/>
                        <a14:foregroundMark x1="17826" y1="46512" x2="23261" y2="40698"/>
                        <a14:foregroundMark x1="23261" y1="40698" x2="43152" y2="35917"/>
                        <a14:foregroundMark x1="43152" y1="35917" x2="44565" y2="35917"/>
                        <a14:foregroundMark x1="42500" y1="15762" x2="42500" y2="25840"/>
                        <a14:foregroundMark x1="53043" y1="13307" x2="48696" y2="22610"/>
                        <a14:foregroundMark x1="42826" y1="13695" x2="39783" y2="28295"/>
                        <a14:foregroundMark x1="30094" y1="18992" x2="30978" y2="20155"/>
                        <a14:foregroundMark x1="27935" y1="16150" x2="28803" y2="17292"/>
                        <a14:foregroundMark x1="31630" y1="18992" x2="31630" y2="21447"/>
                        <a14:foregroundMark x1="31630" y1="12920" x2="31630" y2="16537"/>
                        <a14:foregroundMark x1="26196" y1="22222" x2="31304" y2="22222"/>
                        <a14:foregroundMark x1="34022" y1="22997" x2="37935" y2="28553"/>
                        <a14:foregroundMark x1="37935" y1="28553" x2="45483" y2="28672"/>
                        <a14:foregroundMark x1="50093" y1="27888" x2="60435" y2="25840"/>
                        <a14:foregroundMark x1="46762" y1="28548" x2="47160" y2="28469"/>
                        <a14:foregroundMark x1="60435" y1="25840" x2="68261" y2="25840"/>
                        <a14:foregroundMark x1="68261" y1="25840" x2="75217" y2="25194"/>
                        <a14:foregroundMark x1="75533" y1="24902" x2="77174" y2="23385"/>
                        <a14:foregroundMark x1="68696" y1="25840" x2="69022" y2="31912"/>
                        <a14:foregroundMark x1="38804" y1="29070" x2="38804" y2="33979"/>
                        <a14:foregroundMark x1="30978" y1="37209" x2="24565" y2="38889"/>
                        <a14:foregroundMark x1="24565" y1="38889" x2="19457" y2="42636"/>
                        <a14:foregroundMark x1="19457" y1="42636" x2="16739" y2="46512"/>
                        <a14:backgroundMark x1="44565" y1="30362" x2="58913" y2="30749"/>
                        <a14:backgroundMark x1="58913" y1="30749" x2="63261" y2="30362"/>
                        <a14:backgroundMark x1="76196" y1="25840" x2="73478" y2="27132"/>
                        <a14:backgroundMark x1="50326" y1="28295" x2="47283" y2="28682"/>
                        <a14:backgroundMark x1="30652" y1="16537" x2="30652" y2="1899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16550" y="-1670574"/>
            <a:ext cx="7252972" cy="61018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7" name="TextBox 19">
            <a:extLst>
              <a:ext uri="{FF2B5EF4-FFF2-40B4-BE49-F238E27FC236}">
                <a16:creationId xmlns:a16="http://schemas.microsoft.com/office/drawing/2014/main" id="{D6CAEEDC-A7B4-49ED-9AA4-871A1F4B6DA3}"/>
              </a:ext>
            </a:extLst>
          </p:cNvPr>
          <p:cNvSpPr txBox="1"/>
          <p:nvPr/>
        </p:nvSpPr>
        <p:spPr>
          <a:xfrm>
            <a:off x="3773493" y="1305759"/>
            <a:ext cx="5511964" cy="225882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8847"/>
              </a:lnSpc>
            </a:pP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Múa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rối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bóng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tay</a:t>
            </a:r>
            <a:endParaRPr lang="en-US" sz="8000" dirty="0">
              <a:ln w="28575">
                <a:solidFill>
                  <a:srgbClr val="FFFFFF"/>
                </a:solidFill>
              </a:ln>
              <a:solidFill>
                <a:srgbClr val="FF0000"/>
              </a:solidFill>
              <a:latin typeface="iCiel Pony" panose="02000000000000000000" pitchFamily="2" charset="0"/>
            </a:endParaRPr>
          </a:p>
        </p:txBody>
      </p:sp>
      <p:sp>
        <p:nvSpPr>
          <p:cNvPr id="38" name="TextBox 20">
            <a:extLst>
              <a:ext uri="{FF2B5EF4-FFF2-40B4-BE49-F238E27FC236}">
                <a16:creationId xmlns:a16="http://schemas.microsoft.com/office/drawing/2014/main" id="{4A8E50DE-7738-44AC-8866-027714A361D2}"/>
              </a:ext>
            </a:extLst>
          </p:cNvPr>
          <p:cNvSpPr txBox="1"/>
          <p:nvPr/>
        </p:nvSpPr>
        <p:spPr>
          <a:xfrm>
            <a:off x="3139462" y="596412"/>
            <a:ext cx="6836922" cy="74379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832"/>
              </a:lnSpc>
              <a:spcBef>
                <a:spcPct val="0"/>
              </a:spcBef>
            </a:pPr>
            <a:r>
              <a:rPr lang="en-US" sz="5300" b="1" i="1" dirty="0" err="1">
                <a:solidFill>
                  <a:srgbClr val="002060"/>
                </a:solidFill>
                <a:latin typeface="SVN-Appleberry" panose="02040603050506020204" pitchFamily="18" charset="0"/>
              </a:rPr>
              <a:t>Trò</a:t>
            </a:r>
            <a:r>
              <a:rPr lang="en-US" sz="5300" b="1" i="1" dirty="0">
                <a:solidFill>
                  <a:srgbClr val="002060"/>
                </a:solidFill>
                <a:latin typeface="SVN-Appleberry" panose="02040603050506020204" pitchFamily="18" charset="0"/>
              </a:rPr>
              <a:t> </a:t>
            </a:r>
            <a:r>
              <a:rPr lang="en-US" sz="5300" b="1" i="1" dirty="0" err="1">
                <a:solidFill>
                  <a:srgbClr val="002060"/>
                </a:solidFill>
                <a:latin typeface="SVN-Appleberry" panose="02040603050506020204" pitchFamily="18" charset="0"/>
              </a:rPr>
              <a:t>chơi</a:t>
            </a:r>
            <a:r>
              <a:rPr lang="en-US" sz="5300" b="1" i="1" dirty="0">
                <a:solidFill>
                  <a:srgbClr val="002060"/>
                </a:solidFill>
                <a:latin typeface="SVN-Appleberry" panose="02040603050506020204" pitchFamily="18" charset="0"/>
              </a:rPr>
              <a:t>:</a:t>
            </a:r>
          </a:p>
        </p:txBody>
      </p:sp>
      <p:pic>
        <p:nvPicPr>
          <p:cNvPr id="1026" name="Picture 2" descr="Premium Vector | Happy cute little kid boy standing and clap the hand">
            <a:extLst>
              <a:ext uri="{FF2B5EF4-FFF2-40B4-BE49-F238E27FC236}">
                <a16:creationId xmlns:a16="http://schemas.microsoft.com/office/drawing/2014/main" id="{BA107661-9215-4B7A-9EBF-CDFB7E1D16E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6862" y="513672"/>
            <a:ext cx="6101818" cy="61018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Cartoon Hands Stock Illustrations – 176,869 Cartoon Hands Stock  Illustrations, Vectors &amp; Clipart - Dreamstime">
            <a:extLst>
              <a:ext uri="{FF2B5EF4-FFF2-40B4-BE49-F238E27FC236}">
                <a16:creationId xmlns:a16="http://schemas.microsoft.com/office/drawing/2014/main" id="{492D8FFB-B809-4086-BA04-1C315984D0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7589867" y="1116479"/>
            <a:ext cx="4896205" cy="48962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49069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9015"/>
    </mc:Choice>
    <mc:Fallback xmlns="">
      <p:transition spd="slow" advTm="19015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0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/>
      <p:bldP spid="38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053E40B-ED23-43F1-9055-ECF073FB17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0"/>
            <a:ext cx="13324115" cy="68580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0F752712-39D9-440A-A05A-49ED2E2C47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8800" y="4521579"/>
            <a:ext cx="6340767" cy="4672841"/>
          </a:xfrm>
          <a:prstGeom prst="rect">
            <a:avLst/>
          </a:prstGeom>
        </p:spPr>
      </p:pic>
      <p:sp>
        <p:nvSpPr>
          <p:cNvPr id="6" name="TextBox 19">
            <a:extLst>
              <a:ext uri="{FF2B5EF4-FFF2-40B4-BE49-F238E27FC236}">
                <a16:creationId xmlns:a16="http://schemas.microsoft.com/office/drawing/2014/main" id="{EB39EDB7-8CA2-4B85-B7E4-C9C9003A186A}"/>
              </a:ext>
            </a:extLst>
          </p:cNvPr>
          <p:cNvSpPr txBox="1"/>
          <p:nvPr/>
        </p:nvSpPr>
        <p:spPr>
          <a:xfrm>
            <a:off x="4902830" y="1867309"/>
            <a:ext cx="3518451" cy="135421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/>
            <a:r>
              <a:rPr lang="en-US" sz="4400" dirty="0" err="1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Đồ</a:t>
            </a:r>
            <a:r>
              <a:rPr lang="en-US" sz="4400" dirty="0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 </a:t>
            </a:r>
            <a:r>
              <a:rPr lang="en-US" sz="4400" dirty="0" err="1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dùng</a:t>
            </a:r>
            <a:r>
              <a:rPr lang="en-US" sz="4400" dirty="0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 </a:t>
            </a:r>
            <a:r>
              <a:rPr lang="en-US" sz="4400" dirty="0" err="1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chuẩn</a:t>
            </a:r>
            <a:r>
              <a:rPr lang="en-US" sz="4400" dirty="0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 </a:t>
            </a:r>
            <a:r>
              <a:rPr lang="en-US" sz="4400" dirty="0" err="1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bị</a:t>
            </a:r>
            <a:r>
              <a:rPr lang="en-US" sz="4400" dirty="0">
                <a:ln w="28575">
                  <a:solidFill>
                    <a:srgbClr val="FFFFFF"/>
                  </a:solidFill>
                </a:ln>
                <a:solidFill>
                  <a:schemeClr val="bg1"/>
                </a:solidFill>
                <a:latin typeface="iCiel Pony" panose="02000000000000000000" pitchFamily="2" charset="0"/>
              </a:rPr>
              <a:t>: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70BD1C1-EFAB-4E88-BDA9-00E8DA0A60D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3342" y="3221526"/>
            <a:ext cx="2175841" cy="2175841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7C52F840-DCF2-4D16-8449-9B3564C8BD7E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47892" y="3221526"/>
            <a:ext cx="2714163" cy="27141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068261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9859"/>
    </mc:Choice>
    <mc:Fallback xmlns="">
      <p:transition spd="slow" advTm="9859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4" descr="Background nền rừng cây và cây cỏ hoa lá vector AI | Diễn đàn chia sẻ file  thiết kế đồ họa miễn phí">
            <a:extLst>
              <a:ext uri="{FF2B5EF4-FFF2-40B4-BE49-F238E27FC236}">
                <a16:creationId xmlns:a16="http://schemas.microsoft.com/office/drawing/2014/main" id="{5A6C1ED2-BD09-4F31-9EDD-6174C90956F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439620" y="0"/>
            <a:ext cx="13898946" cy="69107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54" name="Picture 30" descr="Cartoon creative text box, animal, creative, dialog box png | PNGWing">
            <a:extLst>
              <a:ext uri="{FF2B5EF4-FFF2-40B4-BE49-F238E27FC236}">
                <a16:creationId xmlns:a16="http://schemas.microsoft.com/office/drawing/2014/main" id="{B6FA72C1-9443-41CF-9ADE-502A6F5288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948" b="90439" l="10000" r="90000">
                        <a14:foregroundMark x1="42500" y1="35530" x2="68152" y2="31912"/>
                        <a14:foregroundMark x1="68152" y1="31912" x2="75000" y2="31912"/>
                        <a14:foregroundMark x1="75000" y1="31912" x2="84783" y2="36176"/>
                        <a14:foregroundMark x1="84783" y1="36176" x2="88804" y2="42506"/>
                        <a14:foregroundMark x1="88804" y1="42506" x2="91087" y2="71576"/>
                        <a14:foregroundMark x1="91087" y1="71576" x2="83478" y2="86693"/>
                        <a14:foregroundMark x1="83478" y1="86693" x2="78043" y2="90052"/>
                        <a14:foregroundMark x1="78043" y1="90052" x2="30109" y2="92506"/>
                        <a14:foregroundMark x1="30109" y1="92506" x2="23478" y2="90439"/>
                        <a14:foregroundMark x1="23478" y1="90439" x2="16304" y2="74935"/>
                        <a14:foregroundMark x1="16304" y1="74935" x2="15652" y2="55039"/>
                        <a14:foregroundMark x1="15652" y1="55039" x2="17826" y2="46512"/>
                        <a14:foregroundMark x1="17826" y1="46512" x2="23261" y2="40698"/>
                        <a14:foregroundMark x1="23261" y1="40698" x2="43152" y2="35917"/>
                        <a14:foregroundMark x1="43152" y1="35917" x2="44565" y2="35917"/>
                        <a14:foregroundMark x1="42500" y1="15762" x2="42500" y2="25840"/>
                        <a14:foregroundMark x1="53043" y1="13307" x2="48696" y2="22610"/>
                        <a14:foregroundMark x1="42826" y1="13695" x2="39783" y2="28295"/>
                        <a14:foregroundMark x1="30094" y1="18992" x2="30978" y2="20155"/>
                        <a14:foregroundMark x1="27935" y1="16150" x2="28803" y2="17292"/>
                        <a14:foregroundMark x1="31630" y1="18992" x2="31630" y2="21447"/>
                        <a14:foregroundMark x1="31630" y1="12920" x2="31630" y2="16537"/>
                        <a14:foregroundMark x1="26196" y1="22222" x2="31304" y2="22222"/>
                        <a14:foregroundMark x1="34022" y1="22997" x2="37935" y2="28553"/>
                        <a14:foregroundMark x1="37935" y1="28553" x2="45483" y2="28672"/>
                        <a14:foregroundMark x1="50093" y1="27888" x2="60435" y2="25840"/>
                        <a14:foregroundMark x1="46762" y1="28548" x2="47160" y2="28469"/>
                        <a14:foregroundMark x1="60435" y1="25840" x2="68261" y2="25840"/>
                        <a14:foregroundMark x1="68261" y1="25840" x2="75217" y2="25194"/>
                        <a14:foregroundMark x1="75533" y1="24902" x2="77174" y2="23385"/>
                        <a14:foregroundMark x1="68696" y1="25840" x2="69022" y2="31912"/>
                        <a14:foregroundMark x1="38804" y1="29070" x2="38804" y2="33979"/>
                        <a14:foregroundMark x1="30978" y1="37209" x2="24565" y2="38889"/>
                        <a14:foregroundMark x1="24565" y1="38889" x2="19457" y2="42636"/>
                        <a14:foregroundMark x1="19457" y1="42636" x2="16739" y2="46512"/>
                        <a14:backgroundMark x1="44565" y1="30362" x2="58913" y2="30749"/>
                        <a14:backgroundMark x1="58913" y1="30749" x2="63261" y2="30362"/>
                        <a14:backgroundMark x1="76196" y1="25840" x2="73478" y2="27132"/>
                        <a14:backgroundMark x1="50326" y1="28295" x2="47283" y2="28682"/>
                        <a14:backgroundMark x1="30652" y1="16537" x2="30652" y2="1899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50350" y="-1558279"/>
            <a:ext cx="7252972" cy="61018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7" name="TextBox 19">
            <a:extLst>
              <a:ext uri="{FF2B5EF4-FFF2-40B4-BE49-F238E27FC236}">
                <a16:creationId xmlns:a16="http://schemas.microsoft.com/office/drawing/2014/main" id="{D6CAEEDC-A7B4-49ED-9AA4-871A1F4B6DA3}"/>
              </a:ext>
            </a:extLst>
          </p:cNvPr>
          <p:cNvSpPr txBox="1"/>
          <p:nvPr/>
        </p:nvSpPr>
        <p:spPr>
          <a:xfrm>
            <a:off x="3340018" y="1355357"/>
            <a:ext cx="5511964" cy="225882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8847"/>
              </a:lnSpc>
            </a:pP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Múa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rối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bóng</a:t>
            </a:r>
            <a:r>
              <a:rPr lang="en-US" sz="8000" dirty="0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 </a:t>
            </a:r>
            <a:r>
              <a:rPr lang="en-US" sz="8000" dirty="0" err="1">
                <a:ln w="28575">
                  <a:solidFill>
                    <a:srgbClr val="FFFFFF"/>
                  </a:solidFill>
                </a:ln>
                <a:solidFill>
                  <a:srgbClr val="FF0000"/>
                </a:solidFill>
                <a:latin typeface="iCiel Pony" panose="02000000000000000000" pitchFamily="2" charset="0"/>
              </a:rPr>
              <a:t>tay</a:t>
            </a:r>
            <a:endParaRPr lang="en-US" sz="8000" dirty="0">
              <a:ln w="28575">
                <a:solidFill>
                  <a:srgbClr val="FFFFFF"/>
                </a:solidFill>
              </a:ln>
              <a:solidFill>
                <a:srgbClr val="FF0000"/>
              </a:solidFill>
              <a:latin typeface="iCiel Pony" panose="02000000000000000000" pitchFamily="2" charset="0"/>
            </a:endParaRPr>
          </a:p>
        </p:txBody>
      </p:sp>
      <p:sp>
        <p:nvSpPr>
          <p:cNvPr id="38" name="TextBox 20">
            <a:extLst>
              <a:ext uri="{FF2B5EF4-FFF2-40B4-BE49-F238E27FC236}">
                <a16:creationId xmlns:a16="http://schemas.microsoft.com/office/drawing/2014/main" id="{4A8E50DE-7738-44AC-8866-027714A361D2}"/>
              </a:ext>
            </a:extLst>
          </p:cNvPr>
          <p:cNvSpPr txBox="1"/>
          <p:nvPr/>
        </p:nvSpPr>
        <p:spPr>
          <a:xfrm>
            <a:off x="2611289" y="677027"/>
            <a:ext cx="6836922" cy="74379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832"/>
              </a:lnSpc>
              <a:spcBef>
                <a:spcPct val="0"/>
              </a:spcBef>
            </a:pPr>
            <a:r>
              <a:rPr lang="en-US" sz="5300" b="1" i="1" dirty="0" err="1">
                <a:solidFill>
                  <a:srgbClr val="002060"/>
                </a:solidFill>
                <a:latin typeface="SVN-Appleberry" panose="02040603050506020204" pitchFamily="18" charset="0"/>
              </a:rPr>
              <a:t>Trò</a:t>
            </a:r>
            <a:r>
              <a:rPr lang="en-US" sz="5300" b="1" i="1" dirty="0">
                <a:solidFill>
                  <a:srgbClr val="002060"/>
                </a:solidFill>
                <a:latin typeface="SVN-Appleberry" panose="02040603050506020204" pitchFamily="18" charset="0"/>
              </a:rPr>
              <a:t> </a:t>
            </a:r>
            <a:r>
              <a:rPr lang="en-US" sz="5300" b="1" i="1" dirty="0" err="1">
                <a:solidFill>
                  <a:srgbClr val="002060"/>
                </a:solidFill>
                <a:latin typeface="SVN-Appleberry" panose="02040603050506020204" pitchFamily="18" charset="0"/>
              </a:rPr>
              <a:t>chơi</a:t>
            </a:r>
            <a:r>
              <a:rPr lang="en-US" sz="5300" b="1" i="1" dirty="0">
                <a:solidFill>
                  <a:srgbClr val="002060"/>
                </a:solidFill>
                <a:latin typeface="SVN-Appleberry" panose="02040603050506020204" pitchFamily="18" charset="0"/>
              </a:rPr>
              <a:t>:</a:t>
            </a:r>
          </a:p>
        </p:txBody>
      </p:sp>
      <p:pic>
        <p:nvPicPr>
          <p:cNvPr id="1026" name="Picture 2" descr="Premium Vector | Happy cute little kid boy standing and clap the hand">
            <a:extLst>
              <a:ext uri="{FF2B5EF4-FFF2-40B4-BE49-F238E27FC236}">
                <a16:creationId xmlns:a16="http://schemas.microsoft.com/office/drawing/2014/main" id="{BA107661-9215-4B7A-9EBF-CDFB7E1D16E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439620" y="513672"/>
            <a:ext cx="6101818" cy="61018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Cartoon Hands Stock Illustrations – 176,869 Cartoon Hands Stock  Illustrations, Vectors &amp; Clipart - Dreamstime">
            <a:extLst>
              <a:ext uri="{FF2B5EF4-FFF2-40B4-BE49-F238E27FC236}">
                <a16:creationId xmlns:a16="http://schemas.microsoft.com/office/drawing/2014/main" id="{492D8FFB-B809-4086-BA04-1C315984D0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7295795" y="1349152"/>
            <a:ext cx="4896205" cy="48962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872279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94400"/>
    </mc:Choice>
    <mc:Fallback xmlns="">
      <p:transition spd="slow" advTm="94400"/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" name="图片 26">
            <a:extLst>
              <a:ext uri="{FF2B5EF4-FFF2-40B4-BE49-F238E27FC236}">
                <a16:creationId xmlns:a16="http://schemas.microsoft.com/office/drawing/2014/main" id="{93BE9C9E-C7AA-45C0-92FC-5CE8FF41C689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270680"/>
            <a:ext cx="12192000" cy="4316640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789CA887-C328-4EF8-BD37-F5F28B4E8AF4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68AFFE7B-7389-447A-A90E-08CB02B9D1C3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grpSp>
        <p:nvGrpSpPr>
          <p:cNvPr id="2" name="组合 8">
            <a:extLst>
              <a:ext uri="{FF2B5EF4-FFF2-40B4-BE49-F238E27FC236}">
                <a16:creationId xmlns:a16="http://schemas.microsoft.com/office/drawing/2014/main" id="{B6F1A4B1-2D73-8F76-0D76-4A3324174CAA}"/>
              </a:ext>
            </a:extLst>
          </p:cNvPr>
          <p:cNvGrpSpPr/>
          <p:nvPr/>
        </p:nvGrpSpPr>
        <p:grpSpPr>
          <a:xfrm>
            <a:off x="2877360" y="1270680"/>
            <a:ext cx="6622122" cy="4036197"/>
            <a:chOff x="4214128" y="241783"/>
            <a:chExt cx="6814749" cy="4391384"/>
          </a:xfrm>
        </p:grpSpPr>
        <p:pic>
          <p:nvPicPr>
            <p:cNvPr id="3" name="图片 5">
              <a:extLst>
                <a:ext uri="{FF2B5EF4-FFF2-40B4-BE49-F238E27FC236}">
                  <a16:creationId xmlns:a16="http://schemas.microsoft.com/office/drawing/2014/main" id="{83EC2E38-06A8-89D5-95F5-2557FED732C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4214128" y="241783"/>
              <a:ext cx="6814749" cy="4391384"/>
            </a:xfrm>
            <a:prstGeom prst="rect">
              <a:avLst/>
            </a:prstGeom>
          </p:spPr>
        </p:pic>
        <p:sp>
          <p:nvSpPr>
            <p:cNvPr id="4" name="文本框 7">
              <a:extLst>
                <a:ext uri="{FF2B5EF4-FFF2-40B4-BE49-F238E27FC236}">
                  <a16:creationId xmlns:a16="http://schemas.microsoft.com/office/drawing/2014/main" id="{C91A3466-073B-6E0E-1ADD-AA6088BFDE8D}"/>
                </a:ext>
              </a:extLst>
            </p:cNvPr>
            <p:cNvSpPr txBox="1"/>
            <p:nvPr/>
          </p:nvSpPr>
          <p:spPr>
            <a:xfrm>
              <a:off x="5555285" y="1925710"/>
              <a:ext cx="3940908" cy="803667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fontAlgn="auto"/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4.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Kết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thúc</a:t>
              </a:r>
              <a:endParaRPr lang="zh-CN" altLang="en-US" sz="4200" b="1" dirty="0">
                <a:solidFill>
                  <a:srgbClr val="3E830E"/>
                </a:solidFill>
                <a:cs typeface="+mn-ea"/>
                <a:sym typeface="+mn-lt"/>
              </a:endParaRPr>
            </a:p>
          </p:txBody>
        </p:sp>
      </p:grpSp>
      <p:pic>
        <p:nvPicPr>
          <p:cNvPr id="5" name="图片 3" descr="4">
            <a:extLst>
              <a:ext uri="{FF2B5EF4-FFF2-40B4-BE49-F238E27FC236}">
                <a16:creationId xmlns:a16="http://schemas.microsoft.com/office/drawing/2014/main" id="{D77AA775-04C1-5712-D52B-A3324A5455E1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0" y="4104391"/>
            <a:ext cx="12192000" cy="295211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60431472-E9A9-18E4-1D13-4E1111AEE653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290195" y="469265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DFA9F129-254C-AADE-80D1-9B7775987296}"/>
              </a:ext>
            </a:extLst>
          </p:cNvPr>
          <p:cNvPicPr>
            <a:picLocks noChangeAspect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9177020" y="-67310"/>
            <a:ext cx="2741295" cy="2768600"/>
          </a:xfrm>
          <a:prstGeom prst="rect">
            <a:avLst/>
          </a:prstGeom>
        </p:spPr>
      </p:pic>
      <p:pic>
        <p:nvPicPr>
          <p:cNvPr id="28" name="图片 2" descr="琴键">
            <a:extLst>
              <a:ext uri="{FF2B5EF4-FFF2-40B4-BE49-F238E27FC236}">
                <a16:creationId xmlns:a16="http://schemas.microsoft.com/office/drawing/2014/main" id="{AAE137EA-2A69-8B96-7BE6-8234FD1E04C3}"/>
              </a:ext>
            </a:extLst>
          </p:cNvPr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110105" y="0"/>
            <a:ext cx="7970520" cy="12719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686963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Tm="21432">
        <p14:reveal/>
      </p:transition>
    </mc:Choice>
    <mc:Fallback xmlns="">
      <p:transition spd="slow" advTm="21432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" name="图片 26">
            <a:extLst>
              <a:ext uri="{FF2B5EF4-FFF2-40B4-BE49-F238E27FC236}">
                <a16:creationId xmlns:a16="http://schemas.microsoft.com/office/drawing/2014/main" id="{93BE9C9E-C7AA-45C0-92FC-5CE8FF41C689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270680"/>
            <a:ext cx="12192000" cy="4316640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789CA887-C328-4EF8-BD37-F5F28B4E8AF4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68AFFE7B-7389-447A-A90E-08CB02B9D1C3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grpSp>
        <p:nvGrpSpPr>
          <p:cNvPr id="2" name="组合 8">
            <a:extLst>
              <a:ext uri="{FF2B5EF4-FFF2-40B4-BE49-F238E27FC236}">
                <a16:creationId xmlns:a16="http://schemas.microsoft.com/office/drawing/2014/main" id="{B6F1A4B1-2D73-8F76-0D76-4A3324174CAA}"/>
              </a:ext>
            </a:extLst>
          </p:cNvPr>
          <p:cNvGrpSpPr/>
          <p:nvPr/>
        </p:nvGrpSpPr>
        <p:grpSpPr>
          <a:xfrm>
            <a:off x="2877360" y="1270680"/>
            <a:ext cx="6622122" cy="4036197"/>
            <a:chOff x="4214128" y="241783"/>
            <a:chExt cx="6814749" cy="4391384"/>
          </a:xfrm>
        </p:grpSpPr>
        <p:pic>
          <p:nvPicPr>
            <p:cNvPr id="3" name="图片 5">
              <a:extLst>
                <a:ext uri="{FF2B5EF4-FFF2-40B4-BE49-F238E27FC236}">
                  <a16:creationId xmlns:a16="http://schemas.microsoft.com/office/drawing/2014/main" id="{83EC2E38-06A8-89D5-95F5-2557FED732C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4214128" y="241783"/>
              <a:ext cx="6814749" cy="4391384"/>
            </a:xfrm>
            <a:prstGeom prst="rect">
              <a:avLst/>
            </a:prstGeom>
          </p:spPr>
        </p:pic>
        <p:sp>
          <p:nvSpPr>
            <p:cNvPr id="4" name="文本框 7">
              <a:extLst>
                <a:ext uri="{FF2B5EF4-FFF2-40B4-BE49-F238E27FC236}">
                  <a16:creationId xmlns:a16="http://schemas.microsoft.com/office/drawing/2014/main" id="{C91A3466-073B-6E0E-1ADD-AA6088BFDE8D}"/>
                </a:ext>
              </a:extLst>
            </p:cNvPr>
            <p:cNvSpPr txBox="1"/>
            <p:nvPr/>
          </p:nvSpPr>
          <p:spPr>
            <a:xfrm>
              <a:off x="4794209" y="1466179"/>
              <a:ext cx="6097554" cy="1204048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fontAlgn="auto">
                <a:lnSpc>
                  <a:spcPct val="200000"/>
                </a:lnSpc>
              </a:pP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1.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Ổn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định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tổ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chức</a:t>
              </a:r>
              <a:endParaRPr lang="zh-CN" altLang="en-US" sz="4200" b="1" dirty="0">
                <a:solidFill>
                  <a:srgbClr val="3E830E"/>
                </a:solidFill>
                <a:cs typeface="+mn-ea"/>
                <a:sym typeface="+mn-lt"/>
              </a:endParaRPr>
            </a:p>
          </p:txBody>
        </p:sp>
      </p:grpSp>
      <p:pic>
        <p:nvPicPr>
          <p:cNvPr id="5" name="图片 3" descr="4">
            <a:extLst>
              <a:ext uri="{FF2B5EF4-FFF2-40B4-BE49-F238E27FC236}">
                <a16:creationId xmlns:a16="http://schemas.microsoft.com/office/drawing/2014/main" id="{D77AA775-04C1-5712-D52B-A3324A5455E1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0" y="4104391"/>
            <a:ext cx="12192000" cy="295211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60431472-E9A9-18E4-1D13-4E1111AEE653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290195" y="469265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DFA9F129-254C-AADE-80D1-9B7775987296}"/>
              </a:ext>
            </a:extLst>
          </p:cNvPr>
          <p:cNvPicPr>
            <a:picLocks noChangeAspect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9177020" y="-67310"/>
            <a:ext cx="2741295" cy="2768600"/>
          </a:xfrm>
          <a:prstGeom prst="rect">
            <a:avLst/>
          </a:prstGeom>
        </p:spPr>
      </p:pic>
      <p:pic>
        <p:nvPicPr>
          <p:cNvPr id="28" name="图片 2" descr="琴键">
            <a:extLst>
              <a:ext uri="{FF2B5EF4-FFF2-40B4-BE49-F238E27FC236}">
                <a16:creationId xmlns:a16="http://schemas.microsoft.com/office/drawing/2014/main" id="{AAE137EA-2A69-8B96-7BE6-8234FD1E04C3}"/>
              </a:ext>
            </a:extLst>
          </p:cNvPr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110105" y="0"/>
            <a:ext cx="7970520" cy="12719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466672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Tm="24533">
        <p14:reveal/>
      </p:transition>
    </mc:Choice>
    <mc:Fallback xmlns="">
      <p:transition spd="slow" advTm="24533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87CD2DE4-4DD5-E977-4517-74F59107AE13}"/>
              </a:ext>
            </a:extLst>
          </p:cNvPr>
          <p:cNvSpPr txBox="1"/>
          <p:nvPr/>
        </p:nvSpPr>
        <p:spPr>
          <a:xfrm>
            <a:off x="3953022" y="1463040"/>
            <a:ext cx="513470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/>
              <a:t>Trò</a:t>
            </a:r>
            <a:r>
              <a:rPr lang="en-US" dirty="0"/>
              <a:t> </a:t>
            </a:r>
            <a:r>
              <a:rPr lang="en-US" dirty="0" err="1"/>
              <a:t>chơi</a:t>
            </a:r>
            <a:r>
              <a:rPr lang="en-US" dirty="0"/>
              <a:t> </a:t>
            </a:r>
            <a:r>
              <a:rPr lang="en-US" dirty="0" err="1"/>
              <a:t>ghép</a:t>
            </a:r>
            <a:r>
              <a:rPr lang="en-US" dirty="0"/>
              <a:t> </a:t>
            </a:r>
            <a:r>
              <a:rPr lang="en-US" dirty="0" err="1"/>
              <a:t>tranh</a:t>
            </a:r>
            <a:endParaRPr lang="en-US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B0C938E3-C18A-40A9-A0FD-005CAFB0490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4514"/>
            <a:ext cx="12192000" cy="6855125"/>
          </a:xfrm>
          <a:prstGeom prst="rect">
            <a:avLst/>
          </a:prstGeom>
        </p:spPr>
      </p:pic>
      <p:pic>
        <p:nvPicPr>
          <p:cNvPr id="56" name="Picture 55">
            <a:extLst>
              <a:ext uri="{FF2B5EF4-FFF2-40B4-BE49-F238E27FC236}">
                <a16:creationId xmlns:a16="http://schemas.microsoft.com/office/drawing/2014/main" id="{93F9E137-CD6B-443E-81E9-7A605E5A39D9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65732" r="1105" b="50445"/>
          <a:stretch>
            <a:fillRect/>
          </a:stretch>
        </p:blipFill>
        <p:spPr>
          <a:xfrm>
            <a:off x="7492662" y="2637001"/>
            <a:ext cx="2011680" cy="1909341"/>
          </a:xfrm>
          <a:custGeom>
            <a:avLst/>
            <a:gdLst>
              <a:gd name="connsiteX0" fmla="*/ 0 w 2011680"/>
              <a:gd name="connsiteY0" fmla="*/ 0 h 1909341"/>
              <a:gd name="connsiteX1" fmla="*/ 2011680 w 2011680"/>
              <a:gd name="connsiteY1" fmla="*/ 0 h 1909341"/>
              <a:gd name="connsiteX2" fmla="*/ 2011680 w 2011680"/>
              <a:gd name="connsiteY2" fmla="*/ 1909341 h 1909341"/>
              <a:gd name="connsiteX3" fmla="*/ 1472584 w 2011680"/>
              <a:gd name="connsiteY3" fmla="*/ 1909341 h 1909341"/>
              <a:gd name="connsiteX4" fmla="*/ 1464332 w 2011680"/>
              <a:gd name="connsiteY4" fmla="*/ 1827479 h 1909341"/>
              <a:gd name="connsiteX5" fmla="*/ 1005840 w 2011680"/>
              <a:gd name="connsiteY5" fmla="*/ 1453797 h 1909341"/>
              <a:gd name="connsiteX6" fmla="*/ 547348 w 2011680"/>
              <a:gd name="connsiteY6" fmla="*/ 1827479 h 1909341"/>
              <a:gd name="connsiteX7" fmla="*/ 539096 w 2011680"/>
              <a:gd name="connsiteY7" fmla="*/ 1909341 h 1909341"/>
              <a:gd name="connsiteX8" fmla="*/ 0 w 2011680"/>
              <a:gd name="connsiteY8" fmla="*/ 1909341 h 1909341"/>
              <a:gd name="connsiteX9" fmla="*/ 0 w 2011680"/>
              <a:gd name="connsiteY9" fmla="*/ 1417221 h 1909341"/>
              <a:gd name="connsiteX10" fmla="*/ 468000 w 2011680"/>
              <a:gd name="connsiteY10" fmla="*/ 949221 h 1909341"/>
              <a:gd name="connsiteX11" fmla="*/ 0 w 2011680"/>
              <a:gd name="connsiteY11" fmla="*/ 481221 h 190934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2011680" h="1909341">
                <a:moveTo>
                  <a:pt x="0" y="0"/>
                </a:moveTo>
                <a:lnTo>
                  <a:pt x="2011680" y="0"/>
                </a:lnTo>
                <a:lnTo>
                  <a:pt x="2011680" y="1909341"/>
                </a:lnTo>
                <a:lnTo>
                  <a:pt x="1472584" y="1909341"/>
                </a:lnTo>
                <a:lnTo>
                  <a:pt x="1464332" y="1827479"/>
                </a:lnTo>
                <a:cubicBezTo>
                  <a:pt x="1420693" y="1614219"/>
                  <a:pt x="1232000" y="1453797"/>
                  <a:pt x="1005840" y="1453797"/>
                </a:cubicBezTo>
                <a:cubicBezTo>
                  <a:pt x="779680" y="1453797"/>
                  <a:pt x="590987" y="1614219"/>
                  <a:pt x="547348" y="1827479"/>
                </a:cubicBezTo>
                <a:lnTo>
                  <a:pt x="539096" y="1909341"/>
                </a:lnTo>
                <a:lnTo>
                  <a:pt x="0" y="1909341"/>
                </a:lnTo>
                <a:lnTo>
                  <a:pt x="0" y="1417221"/>
                </a:lnTo>
                <a:cubicBezTo>
                  <a:pt x="258469" y="1417221"/>
                  <a:pt x="468000" y="1207690"/>
                  <a:pt x="468000" y="949221"/>
                </a:cubicBezTo>
                <a:cubicBezTo>
                  <a:pt x="468000" y="690752"/>
                  <a:pt x="258469" y="481221"/>
                  <a:pt x="0" y="481221"/>
                </a:cubicBezTo>
                <a:close/>
              </a:path>
            </a:pathLst>
          </a:custGeom>
          <a:ln w="38100"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</p:pic>
      <p:pic>
        <p:nvPicPr>
          <p:cNvPr id="55" name="Picture 54">
            <a:extLst>
              <a:ext uri="{FF2B5EF4-FFF2-40B4-BE49-F238E27FC236}">
                <a16:creationId xmlns:a16="http://schemas.microsoft.com/office/drawing/2014/main" id="{E3BE9430-E565-4717-9C87-59C798A6846C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32994" r="26128" b="38299"/>
          <a:stretch>
            <a:fillRect/>
          </a:stretch>
        </p:blipFill>
        <p:spPr>
          <a:xfrm>
            <a:off x="5455475" y="2648288"/>
            <a:ext cx="2479680" cy="2377341"/>
          </a:xfrm>
          <a:custGeom>
            <a:avLst/>
            <a:gdLst>
              <a:gd name="connsiteX0" fmla="*/ 0 w 2479680"/>
              <a:gd name="connsiteY0" fmla="*/ 0 h 2377341"/>
              <a:gd name="connsiteX1" fmla="*/ 2011680 w 2479680"/>
              <a:gd name="connsiteY1" fmla="*/ 0 h 2377341"/>
              <a:gd name="connsiteX2" fmla="*/ 2011680 w 2479680"/>
              <a:gd name="connsiteY2" fmla="*/ 481221 h 2377341"/>
              <a:gd name="connsiteX3" fmla="*/ 2479680 w 2479680"/>
              <a:gd name="connsiteY3" fmla="*/ 949221 h 2377341"/>
              <a:gd name="connsiteX4" fmla="*/ 2011680 w 2479680"/>
              <a:gd name="connsiteY4" fmla="*/ 1417221 h 2377341"/>
              <a:gd name="connsiteX5" fmla="*/ 2011680 w 2479680"/>
              <a:gd name="connsiteY5" fmla="*/ 1909341 h 2377341"/>
              <a:gd name="connsiteX6" fmla="*/ 1473840 w 2479680"/>
              <a:gd name="connsiteY6" fmla="*/ 1909341 h 2377341"/>
              <a:gd name="connsiteX7" fmla="*/ 1005840 w 2479680"/>
              <a:gd name="connsiteY7" fmla="*/ 2377341 h 2377341"/>
              <a:gd name="connsiteX8" fmla="*/ 537840 w 2479680"/>
              <a:gd name="connsiteY8" fmla="*/ 1909341 h 2377341"/>
              <a:gd name="connsiteX9" fmla="*/ 0 w 2479680"/>
              <a:gd name="connsiteY9" fmla="*/ 1909341 h 2377341"/>
              <a:gd name="connsiteX10" fmla="*/ 0 w 2479680"/>
              <a:gd name="connsiteY10" fmla="*/ 1417054 h 2377341"/>
              <a:gd name="connsiteX11" fmla="*/ 1656 w 2479680"/>
              <a:gd name="connsiteY11" fmla="*/ 1417221 h 2377341"/>
              <a:gd name="connsiteX12" fmla="*/ 469656 w 2479680"/>
              <a:gd name="connsiteY12" fmla="*/ 949221 h 2377341"/>
              <a:gd name="connsiteX13" fmla="*/ 1656 w 2479680"/>
              <a:gd name="connsiteY13" fmla="*/ 481221 h 2377341"/>
              <a:gd name="connsiteX14" fmla="*/ 0 w 2479680"/>
              <a:gd name="connsiteY14" fmla="*/ 481388 h 237734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</a:cxnLst>
            <a:rect l="l" t="t" r="r" b="b"/>
            <a:pathLst>
              <a:path w="2479680" h="2377341">
                <a:moveTo>
                  <a:pt x="0" y="0"/>
                </a:moveTo>
                <a:lnTo>
                  <a:pt x="2011680" y="0"/>
                </a:lnTo>
                <a:lnTo>
                  <a:pt x="2011680" y="481221"/>
                </a:lnTo>
                <a:cubicBezTo>
                  <a:pt x="2270149" y="481221"/>
                  <a:pt x="2479680" y="690752"/>
                  <a:pt x="2479680" y="949221"/>
                </a:cubicBezTo>
                <a:cubicBezTo>
                  <a:pt x="2479680" y="1207690"/>
                  <a:pt x="2270149" y="1417221"/>
                  <a:pt x="2011680" y="1417221"/>
                </a:cubicBezTo>
                <a:lnTo>
                  <a:pt x="2011680" y="1909341"/>
                </a:lnTo>
                <a:lnTo>
                  <a:pt x="1473840" y="1909341"/>
                </a:lnTo>
                <a:cubicBezTo>
                  <a:pt x="1473840" y="2167810"/>
                  <a:pt x="1264309" y="2377341"/>
                  <a:pt x="1005840" y="2377341"/>
                </a:cubicBezTo>
                <a:cubicBezTo>
                  <a:pt x="747371" y="2377341"/>
                  <a:pt x="537840" y="2167810"/>
                  <a:pt x="537840" y="1909341"/>
                </a:cubicBezTo>
                <a:lnTo>
                  <a:pt x="0" y="1909341"/>
                </a:lnTo>
                <a:lnTo>
                  <a:pt x="0" y="1417054"/>
                </a:lnTo>
                <a:lnTo>
                  <a:pt x="1656" y="1417221"/>
                </a:lnTo>
                <a:cubicBezTo>
                  <a:pt x="260125" y="1417221"/>
                  <a:pt x="469656" y="1207690"/>
                  <a:pt x="469656" y="949221"/>
                </a:cubicBezTo>
                <a:cubicBezTo>
                  <a:pt x="469656" y="690752"/>
                  <a:pt x="260125" y="481221"/>
                  <a:pt x="1656" y="481221"/>
                </a:cubicBezTo>
                <a:lnTo>
                  <a:pt x="0" y="481388"/>
                </a:lnTo>
                <a:close/>
              </a:path>
            </a:pathLst>
          </a:custGeom>
          <a:ln w="38100"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</p:pic>
      <p:pic>
        <p:nvPicPr>
          <p:cNvPr id="54" name="Picture 53">
            <a:extLst>
              <a:ext uri="{FF2B5EF4-FFF2-40B4-BE49-F238E27FC236}">
                <a16:creationId xmlns:a16="http://schemas.microsoft.com/office/drawing/2014/main" id="{CDD884B1-4C8F-49FA-B47C-4EDE74175E96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58117" t="37613" r="1005" b="1029"/>
          <a:stretch>
            <a:fillRect/>
          </a:stretch>
        </p:blipFill>
        <p:spPr>
          <a:xfrm>
            <a:off x="6992684" y="4100668"/>
            <a:ext cx="2479680" cy="2364120"/>
          </a:xfrm>
          <a:custGeom>
            <a:avLst/>
            <a:gdLst>
              <a:gd name="connsiteX0" fmla="*/ 1473840 w 2479680"/>
              <a:gd name="connsiteY0" fmla="*/ 0 h 2364120"/>
              <a:gd name="connsiteX1" fmla="*/ 1932332 w 2479680"/>
              <a:gd name="connsiteY1" fmla="*/ 373682 h 2364120"/>
              <a:gd name="connsiteX2" fmla="*/ 1939408 w 2479680"/>
              <a:gd name="connsiteY2" fmla="*/ 443880 h 2364120"/>
              <a:gd name="connsiteX3" fmla="*/ 2479680 w 2479680"/>
              <a:gd name="connsiteY3" fmla="*/ 443880 h 2364120"/>
              <a:gd name="connsiteX4" fmla="*/ 2479680 w 2479680"/>
              <a:gd name="connsiteY4" fmla="*/ 2364120 h 2364120"/>
              <a:gd name="connsiteX5" fmla="*/ 468000 w 2479680"/>
              <a:gd name="connsiteY5" fmla="*/ 2364120 h 2364120"/>
              <a:gd name="connsiteX6" fmla="*/ 468000 w 2479680"/>
              <a:gd name="connsiteY6" fmla="*/ 1872000 h 2364120"/>
              <a:gd name="connsiteX7" fmla="*/ 0 w 2479680"/>
              <a:gd name="connsiteY7" fmla="*/ 1404000 h 2364120"/>
              <a:gd name="connsiteX8" fmla="*/ 468000 w 2479680"/>
              <a:gd name="connsiteY8" fmla="*/ 936000 h 2364120"/>
              <a:gd name="connsiteX9" fmla="*/ 468000 w 2479680"/>
              <a:gd name="connsiteY9" fmla="*/ 443880 h 2364120"/>
              <a:gd name="connsiteX10" fmla="*/ 1008271 w 2479680"/>
              <a:gd name="connsiteY10" fmla="*/ 443880 h 2364120"/>
              <a:gd name="connsiteX11" fmla="*/ 1015348 w 2479680"/>
              <a:gd name="connsiteY11" fmla="*/ 373682 h 2364120"/>
              <a:gd name="connsiteX12" fmla="*/ 1473840 w 2479680"/>
              <a:gd name="connsiteY12" fmla="*/ 0 h 236412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</a:cxnLst>
            <a:rect l="l" t="t" r="r" b="b"/>
            <a:pathLst>
              <a:path w="2479680" h="2364120">
                <a:moveTo>
                  <a:pt x="1473840" y="0"/>
                </a:moveTo>
                <a:cubicBezTo>
                  <a:pt x="1700000" y="0"/>
                  <a:pt x="1888692" y="160422"/>
                  <a:pt x="1932332" y="373682"/>
                </a:cubicBezTo>
                <a:lnTo>
                  <a:pt x="1939408" y="443880"/>
                </a:lnTo>
                <a:lnTo>
                  <a:pt x="2479680" y="443880"/>
                </a:lnTo>
                <a:lnTo>
                  <a:pt x="2479680" y="2364120"/>
                </a:lnTo>
                <a:lnTo>
                  <a:pt x="468000" y="2364120"/>
                </a:lnTo>
                <a:lnTo>
                  <a:pt x="468000" y="1872000"/>
                </a:lnTo>
                <a:cubicBezTo>
                  <a:pt x="209531" y="1872000"/>
                  <a:pt x="0" y="1662469"/>
                  <a:pt x="0" y="1404000"/>
                </a:cubicBezTo>
                <a:cubicBezTo>
                  <a:pt x="0" y="1145531"/>
                  <a:pt x="209531" y="936000"/>
                  <a:pt x="468000" y="936000"/>
                </a:cubicBezTo>
                <a:lnTo>
                  <a:pt x="468000" y="443880"/>
                </a:lnTo>
                <a:lnTo>
                  <a:pt x="1008271" y="443880"/>
                </a:lnTo>
                <a:lnTo>
                  <a:pt x="1015348" y="373682"/>
                </a:lnTo>
                <a:cubicBezTo>
                  <a:pt x="1058987" y="160422"/>
                  <a:pt x="1247679" y="0"/>
                  <a:pt x="1473840" y="0"/>
                </a:cubicBezTo>
                <a:close/>
              </a:path>
            </a:pathLst>
          </a:custGeom>
          <a:ln w="38100"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</p:pic>
      <p:pic>
        <p:nvPicPr>
          <p:cNvPr id="53" name="Picture 52">
            <a:extLst>
              <a:ext uri="{FF2B5EF4-FFF2-40B4-BE49-F238E27FC236}">
                <a16:creationId xmlns:a16="http://schemas.microsoft.com/office/drawing/2014/main" id="{AF883B83-FFD2-40C7-8542-23A13B1F5101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33322" t="49218" r="33515" b="945"/>
          <a:stretch>
            <a:fillRect/>
          </a:stretch>
        </p:blipFill>
        <p:spPr>
          <a:xfrm>
            <a:off x="5443656" y="4538312"/>
            <a:ext cx="2011680" cy="1920240"/>
          </a:xfrm>
          <a:custGeom>
            <a:avLst/>
            <a:gdLst>
              <a:gd name="connsiteX0" fmla="*/ 0 w 2011680"/>
              <a:gd name="connsiteY0" fmla="*/ 0 h 1920240"/>
              <a:gd name="connsiteX1" fmla="*/ 537840 w 2011680"/>
              <a:gd name="connsiteY1" fmla="*/ 0 h 1920240"/>
              <a:gd name="connsiteX2" fmla="*/ 1005840 w 2011680"/>
              <a:gd name="connsiteY2" fmla="*/ 468000 h 1920240"/>
              <a:gd name="connsiteX3" fmla="*/ 1473840 w 2011680"/>
              <a:gd name="connsiteY3" fmla="*/ 0 h 1920240"/>
              <a:gd name="connsiteX4" fmla="*/ 2011680 w 2011680"/>
              <a:gd name="connsiteY4" fmla="*/ 0 h 1920240"/>
              <a:gd name="connsiteX5" fmla="*/ 2011680 w 2011680"/>
              <a:gd name="connsiteY5" fmla="*/ 492246 h 1920240"/>
              <a:gd name="connsiteX6" fmla="*/ 2010430 w 2011680"/>
              <a:gd name="connsiteY6" fmla="*/ 492120 h 1920240"/>
              <a:gd name="connsiteX7" fmla="*/ 1542430 w 2011680"/>
              <a:gd name="connsiteY7" fmla="*/ 960120 h 1920240"/>
              <a:gd name="connsiteX8" fmla="*/ 2010430 w 2011680"/>
              <a:gd name="connsiteY8" fmla="*/ 1428120 h 1920240"/>
              <a:gd name="connsiteX9" fmla="*/ 2011680 w 2011680"/>
              <a:gd name="connsiteY9" fmla="*/ 1427994 h 1920240"/>
              <a:gd name="connsiteX10" fmla="*/ 2011680 w 2011680"/>
              <a:gd name="connsiteY10" fmla="*/ 1920240 h 1920240"/>
              <a:gd name="connsiteX11" fmla="*/ 0 w 2011680"/>
              <a:gd name="connsiteY11" fmla="*/ 1920240 h 1920240"/>
              <a:gd name="connsiteX12" fmla="*/ 0 w 2011680"/>
              <a:gd name="connsiteY12" fmla="*/ 1428120 h 1920240"/>
              <a:gd name="connsiteX13" fmla="*/ 468000 w 2011680"/>
              <a:gd name="connsiteY13" fmla="*/ 960120 h 1920240"/>
              <a:gd name="connsiteX14" fmla="*/ 0 w 2011680"/>
              <a:gd name="connsiteY14" fmla="*/ 492120 h 19202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</a:cxnLst>
            <a:rect l="l" t="t" r="r" b="b"/>
            <a:pathLst>
              <a:path w="2011680" h="1920240">
                <a:moveTo>
                  <a:pt x="0" y="0"/>
                </a:moveTo>
                <a:lnTo>
                  <a:pt x="537840" y="0"/>
                </a:lnTo>
                <a:cubicBezTo>
                  <a:pt x="537840" y="258469"/>
                  <a:pt x="747371" y="468000"/>
                  <a:pt x="1005840" y="468000"/>
                </a:cubicBezTo>
                <a:cubicBezTo>
                  <a:pt x="1264309" y="468000"/>
                  <a:pt x="1473840" y="258469"/>
                  <a:pt x="1473840" y="0"/>
                </a:cubicBezTo>
                <a:lnTo>
                  <a:pt x="2011680" y="0"/>
                </a:lnTo>
                <a:lnTo>
                  <a:pt x="2011680" y="492246"/>
                </a:lnTo>
                <a:lnTo>
                  <a:pt x="2010430" y="492120"/>
                </a:lnTo>
                <a:cubicBezTo>
                  <a:pt x="1751961" y="492120"/>
                  <a:pt x="1542430" y="701651"/>
                  <a:pt x="1542430" y="960120"/>
                </a:cubicBezTo>
                <a:cubicBezTo>
                  <a:pt x="1542430" y="1218589"/>
                  <a:pt x="1751961" y="1428120"/>
                  <a:pt x="2010430" y="1428120"/>
                </a:cubicBezTo>
                <a:lnTo>
                  <a:pt x="2011680" y="1427994"/>
                </a:lnTo>
                <a:lnTo>
                  <a:pt x="2011680" y="1920240"/>
                </a:lnTo>
                <a:lnTo>
                  <a:pt x="0" y="1920240"/>
                </a:lnTo>
                <a:lnTo>
                  <a:pt x="0" y="1428120"/>
                </a:lnTo>
                <a:cubicBezTo>
                  <a:pt x="258469" y="1428120"/>
                  <a:pt x="468000" y="1218589"/>
                  <a:pt x="468000" y="960120"/>
                </a:cubicBezTo>
                <a:cubicBezTo>
                  <a:pt x="468000" y="701651"/>
                  <a:pt x="258469" y="492120"/>
                  <a:pt x="0" y="492120"/>
                </a:cubicBezTo>
                <a:close/>
              </a:path>
            </a:pathLst>
          </a:custGeom>
          <a:ln w="38100"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</p:pic>
      <p:pic>
        <p:nvPicPr>
          <p:cNvPr id="52" name="Picture 51">
            <a:extLst>
              <a:ext uri="{FF2B5EF4-FFF2-40B4-BE49-F238E27FC236}">
                <a16:creationId xmlns:a16="http://schemas.microsoft.com/office/drawing/2014/main" id="{DCCB0AE8-4B39-4E67-8468-03C2F8633E5B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 l="538" t="49152" r="58584" b="1010"/>
          <a:stretch>
            <a:fillRect/>
          </a:stretch>
        </p:blipFill>
        <p:spPr>
          <a:xfrm>
            <a:off x="3443795" y="4503153"/>
            <a:ext cx="2479680" cy="1920240"/>
          </a:xfrm>
          <a:custGeom>
            <a:avLst/>
            <a:gdLst>
              <a:gd name="connsiteX0" fmla="*/ 0 w 2479680"/>
              <a:gd name="connsiteY0" fmla="*/ 0 h 1920240"/>
              <a:gd name="connsiteX1" fmla="*/ 537840 w 2479680"/>
              <a:gd name="connsiteY1" fmla="*/ 0 h 1920240"/>
              <a:gd name="connsiteX2" fmla="*/ 1005840 w 2479680"/>
              <a:gd name="connsiteY2" fmla="*/ 468000 h 1920240"/>
              <a:gd name="connsiteX3" fmla="*/ 1473840 w 2479680"/>
              <a:gd name="connsiteY3" fmla="*/ 0 h 1920240"/>
              <a:gd name="connsiteX4" fmla="*/ 2011680 w 2479680"/>
              <a:gd name="connsiteY4" fmla="*/ 0 h 1920240"/>
              <a:gd name="connsiteX5" fmla="*/ 2011680 w 2479680"/>
              <a:gd name="connsiteY5" fmla="*/ 492120 h 1920240"/>
              <a:gd name="connsiteX6" fmla="*/ 2479680 w 2479680"/>
              <a:gd name="connsiteY6" fmla="*/ 960120 h 1920240"/>
              <a:gd name="connsiteX7" fmla="*/ 2011680 w 2479680"/>
              <a:gd name="connsiteY7" fmla="*/ 1428120 h 1920240"/>
              <a:gd name="connsiteX8" fmla="*/ 2011680 w 2479680"/>
              <a:gd name="connsiteY8" fmla="*/ 1920240 h 1920240"/>
              <a:gd name="connsiteX9" fmla="*/ 0 w 2479680"/>
              <a:gd name="connsiteY9" fmla="*/ 1920240 h 19202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2479680" h="1920240">
                <a:moveTo>
                  <a:pt x="0" y="0"/>
                </a:moveTo>
                <a:lnTo>
                  <a:pt x="537840" y="0"/>
                </a:lnTo>
                <a:cubicBezTo>
                  <a:pt x="537840" y="258469"/>
                  <a:pt x="747371" y="468000"/>
                  <a:pt x="1005840" y="468000"/>
                </a:cubicBezTo>
                <a:cubicBezTo>
                  <a:pt x="1264309" y="468000"/>
                  <a:pt x="1473840" y="258469"/>
                  <a:pt x="1473840" y="0"/>
                </a:cubicBezTo>
                <a:lnTo>
                  <a:pt x="2011680" y="0"/>
                </a:lnTo>
                <a:lnTo>
                  <a:pt x="2011680" y="492120"/>
                </a:lnTo>
                <a:cubicBezTo>
                  <a:pt x="2270149" y="492120"/>
                  <a:pt x="2479680" y="701651"/>
                  <a:pt x="2479680" y="960120"/>
                </a:cubicBezTo>
                <a:cubicBezTo>
                  <a:pt x="2479680" y="1218589"/>
                  <a:pt x="2270149" y="1428120"/>
                  <a:pt x="2011680" y="1428120"/>
                </a:cubicBezTo>
                <a:lnTo>
                  <a:pt x="2011680" y="1920240"/>
                </a:lnTo>
                <a:lnTo>
                  <a:pt x="0" y="1920240"/>
                </a:lnTo>
                <a:close/>
              </a:path>
            </a:pathLst>
          </a:custGeom>
          <a:ln w="38100"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</p:pic>
      <p:sp>
        <p:nvSpPr>
          <p:cNvPr id="11" name="ISPRING_QUIZ_SHAPE0">
            <a:extLst>
              <a:ext uri="{FF2B5EF4-FFF2-40B4-BE49-F238E27FC236}">
                <a16:creationId xmlns:a16="http://schemas.microsoft.com/office/drawing/2014/main" id="{7AB11184-36EB-48A8-A8E4-D20D7628B93F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>
            <a:extLst>
              <a:ext uri="{FF2B5EF4-FFF2-40B4-BE49-F238E27FC236}">
                <a16:creationId xmlns:a16="http://schemas.microsoft.com/office/drawing/2014/main" id="{A6AFDA7A-0AE6-4E70-BB89-40B93D8544D4}"/>
              </a:ext>
            </a:extLst>
          </p:cNvPr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4" name="ISPRING_QUIZ_SHAPE2">
            <a:extLst>
              <a:ext uri="{FF2B5EF4-FFF2-40B4-BE49-F238E27FC236}">
                <a16:creationId xmlns:a16="http://schemas.microsoft.com/office/drawing/2014/main" id="{668A532B-82BF-44E9-BEEF-6D9CF5B052FC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7" name="ISPRING_QUIZ_SHAPE3">
            <a:extLst>
              <a:ext uri="{FF2B5EF4-FFF2-40B4-BE49-F238E27FC236}">
                <a16:creationId xmlns:a16="http://schemas.microsoft.com/office/drawing/2014/main" id="{11664441-A77F-4C2A-A9F2-AA57D3EA58D8}"/>
              </a:ext>
            </a:extLst>
          </p:cNvPr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8" name="ISPRING_QUIZ_SHAPE4">
            <a:extLst>
              <a:ext uri="{FF2B5EF4-FFF2-40B4-BE49-F238E27FC236}">
                <a16:creationId xmlns:a16="http://schemas.microsoft.com/office/drawing/2014/main" id="{4BA1B748-EE88-4FC0-B758-0E9E41B199ED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604677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5000"/>
    </mc:Choice>
    <mc:Fallback xmlns="">
      <p:transition spd="slow" advTm="500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Graphic 2">
            <a:extLst>
              <a:ext uri="{FF2B5EF4-FFF2-40B4-BE49-F238E27FC236}">
                <a16:creationId xmlns:a16="http://schemas.microsoft.com/office/drawing/2014/main" id="{3DF382EE-DDF3-4149-96FC-31D9481F323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=""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-1" y="2627312"/>
            <a:ext cx="12191781" cy="4230688"/>
          </a:xfrm>
          <a:prstGeom prst="rect">
            <a:avLst/>
          </a:prstGeom>
        </p:spPr>
      </p:pic>
      <p:sp>
        <p:nvSpPr>
          <p:cNvPr id="5" name="Graphic 3">
            <a:extLst>
              <a:ext uri="{FF2B5EF4-FFF2-40B4-BE49-F238E27FC236}">
                <a16:creationId xmlns:a16="http://schemas.microsoft.com/office/drawing/2014/main" id="{24CEC53B-EB28-4301-A0C9-1146B589BB1E}"/>
              </a:ext>
            </a:extLst>
          </p:cNvPr>
          <p:cNvSpPr/>
          <p:nvPr/>
        </p:nvSpPr>
        <p:spPr>
          <a:xfrm>
            <a:off x="219" y="279400"/>
            <a:ext cx="12191781" cy="870705"/>
          </a:xfrm>
          <a:custGeom>
            <a:avLst/>
            <a:gdLst>
              <a:gd name="connsiteX0" fmla="*/ 12650 w 12191781"/>
              <a:gd name="connsiteY0" fmla="*/ 0 h 870705"/>
              <a:gd name="connsiteX1" fmla="*/ 0 w 12191781"/>
              <a:gd name="connsiteY1" fmla="*/ 12031 h 870705"/>
              <a:gd name="connsiteX2" fmla="*/ 0 w 12191781"/>
              <a:gd name="connsiteY2" fmla="*/ 384087 h 870705"/>
              <a:gd name="connsiteX3" fmla="*/ 558564 w 12191781"/>
              <a:gd name="connsiteY3" fmla="*/ 663315 h 870705"/>
              <a:gd name="connsiteX4" fmla="*/ 1547882 w 12191781"/>
              <a:gd name="connsiteY4" fmla="*/ 331657 h 870705"/>
              <a:gd name="connsiteX5" fmla="*/ 2617027 w 12191781"/>
              <a:gd name="connsiteY5" fmla="*/ 308784 h 870705"/>
              <a:gd name="connsiteX6" fmla="*/ 3797841 w 12191781"/>
              <a:gd name="connsiteY6" fmla="*/ 869319 h 870705"/>
              <a:gd name="connsiteX7" fmla="*/ 4851064 w 12191781"/>
              <a:gd name="connsiteY7" fmla="*/ 343094 h 870705"/>
              <a:gd name="connsiteX8" fmla="*/ 6191530 w 12191781"/>
              <a:gd name="connsiteY8" fmla="*/ 411712 h 870705"/>
              <a:gd name="connsiteX9" fmla="*/ 8585218 w 12191781"/>
              <a:gd name="connsiteY9" fmla="*/ 388840 h 870705"/>
              <a:gd name="connsiteX10" fmla="*/ 9415103 w 12191781"/>
              <a:gd name="connsiteY10" fmla="*/ 686188 h 870705"/>
              <a:gd name="connsiteX11" fmla="*/ 10085336 w 12191781"/>
              <a:gd name="connsiteY11" fmla="*/ 377403 h 870705"/>
              <a:gd name="connsiteX12" fmla="*/ 11776948 w 12191781"/>
              <a:gd name="connsiteY12" fmla="*/ 343094 h 870705"/>
              <a:gd name="connsiteX13" fmla="*/ 12191782 w 12191781"/>
              <a:gd name="connsiteY13" fmla="*/ 484490 h 870705"/>
              <a:gd name="connsiteX14" fmla="*/ 12191782 w 12191781"/>
              <a:gd name="connsiteY14" fmla="*/ 0 h 870705"/>
              <a:gd name="connsiteX15" fmla="*/ 12650 w 12191781"/>
              <a:gd name="connsiteY15" fmla="*/ 0 h 87070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</a:cxnLst>
            <a:rect l="l" t="t" r="r" b="b"/>
            <a:pathLst>
              <a:path w="12191781" h="870705">
                <a:moveTo>
                  <a:pt x="12650" y="0"/>
                </a:moveTo>
                <a:cubicBezTo>
                  <a:pt x="8288" y="4010"/>
                  <a:pt x="4144" y="8020"/>
                  <a:pt x="0" y="12031"/>
                </a:cubicBezTo>
                <a:lnTo>
                  <a:pt x="0" y="384087"/>
                </a:lnTo>
                <a:cubicBezTo>
                  <a:pt x="113196" y="529196"/>
                  <a:pt x="317777" y="628857"/>
                  <a:pt x="558564" y="663315"/>
                </a:cubicBezTo>
                <a:cubicBezTo>
                  <a:pt x="973397" y="720497"/>
                  <a:pt x="1292701" y="526077"/>
                  <a:pt x="1547882" y="331657"/>
                </a:cubicBezTo>
                <a:cubicBezTo>
                  <a:pt x="1851047" y="697624"/>
                  <a:pt x="2329784" y="697624"/>
                  <a:pt x="2617027" y="308784"/>
                </a:cubicBezTo>
                <a:cubicBezTo>
                  <a:pt x="2824444" y="629005"/>
                  <a:pt x="3303181" y="892192"/>
                  <a:pt x="3797841" y="869319"/>
                </a:cubicBezTo>
                <a:cubicBezTo>
                  <a:pt x="4324344" y="846446"/>
                  <a:pt x="4531978" y="606281"/>
                  <a:pt x="4851064" y="343094"/>
                </a:cubicBezTo>
                <a:cubicBezTo>
                  <a:pt x="5329802" y="674751"/>
                  <a:pt x="5712792" y="789264"/>
                  <a:pt x="6191530" y="411712"/>
                </a:cubicBezTo>
                <a:cubicBezTo>
                  <a:pt x="6845841" y="937938"/>
                  <a:pt x="8042576" y="1075176"/>
                  <a:pt x="8585218" y="388840"/>
                </a:cubicBezTo>
                <a:cubicBezTo>
                  <a:pt x="8856539" y="514641"/>
                  <a:pt x="9032113" y="697624"/>
                  <a:pt x="9415103" y="686188"/>
                </a:cubicBezTo>
                <a:cubicBezTo>
                  <a:pt x="9734189" y="674751"/>
                  <a:pt x="9893841" y="537514"/>
                  <a:pt x="10085336" y="377403"/>
                </a:cubicBezTo>
                <a:cubicBezTo>
                  <a:pt x="10436483" y="766243"/>
                  <a:pt x="11569532" y="1029430"/>
                  <a:pt x="11776948" y="343094"/>
                </a:cubicBezTo>
                <a:cubicBezTo>
                  <a:pt x="11933765" y="380522"/>
                  <a:pt x="12036929" y="494590"/>
                  <a:pt x="12191782" y="484490"/>
                </a:cubicBezTo>
                <a:lnTo>
                  <a:pt x="12191782" y="0"/>
                </a:lnTo>
                <a:lnTo>
                  <a:pt x="12650" y="0"/>
                </a:lnTo>
                <a:close/>
              </a:path>
            </a:pathLst>
          </a:custGeom>
          <a:solidFill>
            <a:srgbClr val="84D2C7"/>
          </a:solidFill>
          <a:ln w="21810" cap="flat">
            <a:noFill/>
            <a:prstDash val="solid"/>
            <a:miter/>
          </a:ln>
        </p:spPr>
        <p:txBody>
          <a:bodyPr rtlCol="0" anchor="ctr"/>
          <a:lstStyle/>
          <a:p>
            <a:endParaRPr lang="th-TH"/>
          </a:p>
        </p:txBody>
      </p:sp>
      <p:sp>
        <p:nvSpPr>
          <p:cNvPr id="7" name="Graphic 3">
            <a:extLst>
              <a:ext uri="{FF2B5EF4-FFF2-40B4-BE49-F238E27FC236}">
                <a16:creationId xmlns:a16="http://schemas.microsoft.com/office/drawing/2014/main" id="{5E07D301-D1F5-4B35-9B03-8366637CE28B}"/>
              </a:ext>
            </a:extLst>
          </p:cNvPr>
          <p:cNvSpPr/>
          <p:nvPr/>
        </p:nvSpPr>
        <p:spPr>
          <a:xfrm>
            <a:off x="0" y="0"/>
            <a:ext cx="12191781" cy="870705"/>
          </a:xfrm>
          <a:custGeom>
            <a:avLst/>
            <a:gdLst>
              <a:gd name="connsiteX0" fmla="*/ 12650 w 12191781"/>
              <a:gd name="connsiteY0" fmla="*/ 0 h 870705"/>
              <a:gd name="connsiteX1" fmla="*/ 0 w 12191781"/>
              <a:gd name="connsiteY1" fmla="*/ 12031 h 870705"/>
              <a:gd name="connsiteX2" fmla="*/ 0 w 12191781"/>
              <a:gd name="connsiteY2" fmla="*/ 384087 h 870705"/>
              <a:gd name="connsiteX3" fmla="*/ 558564 w 12191781"/>
              <a:gd name="connsiteY3" fmla="*/ 663315 h 870705"/>
              <a:gd name="connsiteX4" fmla="*/ 1547882 w 12191781"/>
              <a:gd name="connsiteY4" fmla="*/ 331657 h 870705"/>
              <a:gd name="connsiteX5" fmla="*/ 2617027 w 12191781"/>
              <a:gd name="connsiteY5" fmla="*/ 308784 h 870705"/>
              <a:gd name="connsiteX6" fmla="*/ 3797841 w 12191781"/>
              <a:gd name="connsiteY6" fmla="*/ 869319 h 870705"/>
              <a:gd name="connsiteX7" fmla="*/ 4851064 w 12191781"/>
              <a:gd name="connsiteY7" fmla="*/ 343094 h 870705"/>
              <a:gd name="connsiteX8" fmla="*/ 6191530 w 12191781"/>
              <a:gd name="connsiteY8" fmla="*/ 411712 h 870705"/>
              <a:gd name="connsiteX9" fmla="*/ 8585218 w 12191781"/>
              <a:gd name="connsiteY9" fmla="*/ 388840 h 870705"/>
              <a:gd name="connsiteX10" fmla="*/ 9415103 w 12191781"/>
              <a:gd name="connsiteY10" fmla="*/ 686188 h 870705"/>
              <a:gd name="connsiteX11" fmla="*/ 10085336 w 12191781"/>
              <a:gd name="connsiteY11" fmla="*/ 377403 h 870705"/>
              <a:gd name="connsiteX12" fmla="*/ 11776948 w 12191781"/>
              <a:gd name="connsiteY12" fmla="*/ 343094 h 870705"/>
              <a:gd name="connsiteX13" fmla="*/ 12191782 w 12191781"/>
              <a:gd name="connsiteY13" fmla="*/ 484490 h 870705"/>
              <a:gd name="connsiteX14" fmla="*/ 12191782 w 12191781"/>
              <a:gd name="connsiteY14" fmla="*/ 0 h 870705"/>
              <a:gd name="connsiteX15" fmla="*/ 12650 w 12191781"/>
              <a:gd name="connsiteY15" fmla="*/ 0 h 87070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</a:cxnLst>
            <a:rect l="l" t="t" r="r" b="b"/>
            <a:pathLst>
              <a:path w="12191781" h="870705">
                <a:moveTo>
                  <a:pt x="12650" y="0"/>
                </a:moveTo>
                <a:cubicBezTo>
                  <a:pt x="8288" y="4010"/>
                  <a:pt x="4144" y="8020"/>
                  <a:pt x="0" y="12031"/>
                </a:cubicBezTo>
                <a:lnTo>
                  <a:pt x="0" y="384087"/>
                </a:lnTo>
                <a:cubicBezTo>
                  <a:pt x="113196" y="529196"/>
                  <a:pt x="317777" y="628857"/>
                  <a:pt x="558564" y="663315"/>
                </a:cubicBezTo>
                <a:cubicBezTo>
                  <a:pt x="973397" y="720497"/>
                  <a:pt x="1292701" y="526077"/>
                  <a:pt x="1547882" y="331657"/>
                </a:cubicBezTo>
                <a:cubicBezTo>
                  <a:pt x="1851047" y="697624"/>
                  <a:pt x="2329784" y="697624"/>
                  <a:pt x="2617027" y="308784"/>
                </a:cubicBezTo>
                <a:cubicBezTo>
                  <a:pt x="2824444" y="629005"/>
                  <a:pt x="3303181" y="892192"/>
                  <a:pt x="3797841" y="869319"/>
                </a:cubicBezTo>
                <a:cubicBezTo>
                  <a:pt x="4324344" y="846446"/>
                  <a:pt x="4531978" y="606281"/>
                  <a:pt x="4851064" y="343094"/>
                </a:cubicBezTo>
                <a:cubicBezTo>
                  <a:pt x="5329802" y="674751"/>
                  <a:pt x="5712792" y="789264"/>
                  <a:pt x="6191530" y="411712"/>
                </a:cubicBezTo>
                <a:cubicBezTo>
                  <a:pt x="6845841" y="937938"/>
                  <a:pt x="8042576" y="1075176"/>
                  <a:pt x="8585218" y="388840"/>
                </a:cubicBezTo>
                <a:cubicBezTo>
                  <a:pt x="8856539" y="514641"/>
                  <a:pt x="9032113" y="697624"/>
                  <a:pt x="9415103" y="686188"/>
                </a:cubicBezTo>
                <a:cubicBezTo>
                  <a:pt x="9734189" y="674751"/>
                  <a:pt x="9893841" y="537514"/>
                  <a:pt x="10085336" y="377403"/>
                </a:cubicBezTo>
                <a:cubicBezTo>
                  <a:pt x="10436483" y="766243"/>
                  <a:pt x="11569532" y="1029430"/>
                  <a:pt x="11776948" y="343094"/>
                </a:cubicBezTo>
                <a:cubicBezTo>
                  <a:pt x="11933765" y="380522"/>
                  <a:pt x="12036929" y="494590"/>
                  <a:pt x="12191782" y="484490"/>
                </a:cubicBezTo>
                <a:lnTo>
                  <a:pt x="12191782" y="0"/>
                </a:lnTo>
                <a:lnTo>
                  <a:pt x="12650" y="0"/>
                </a:lnTo>
                <a:close/>
              </a:path>
            </a:pathLst>
          </a:custGeom>
          <a:solidFill>
            <a:srgbClr val="74BABA"/>
          </a:solidFill>
          <a:ln w="21810" cap="flat">
            <a:noFill/>
            <a:prstDash val="solid"/>
            <a:miter/>
          </a:ln>
        </p:spPr>
        <p:txBody>
          <a:bodyPr rtlCol="0" anchor="ctr"/>
          <a:lstStyle/>
          <a:p>
            <a:endParaRPr lang="th-TH"/>
          </a:p>
        </p:txBody>
      </p:sp>
      <p:grpSp>
        <p:nvGrpSpPr>
          <p:cNvPr id="10" name="Graphic 143">
            <a:extLst>
              <a:ext uri="{FF2B5EF4-FFF2-40B4-BE49-F238E27FC236}">
                <a16:creationId xmlns:a16="http://schemas.microsoft.com/office/drawing/2014/main" id="{E9B75939-462F-4EDE-9F90-CDD8BB3919BD}"/>
              </a:ext>
            </a:extLst>
          </p:cNvPr>
          <p:cNvGrpSpPr/>
          <p:nvPr/>
        </p:nvGrpSpPr>
        <p:grpSpPr>
          <a:xfrm>
            <a:off x="10445531" y="3270549"/>
            <a:ext cx="1876002" cy="3664187"/>
            <a:chOff x="10445531" y="3270549"/>
            <a:chExt cx="1876002" cy="3664187"/>
          </a:xfrm>
        </p:grpSpPr>
        <p:sp>
          <p:nvSpPr>
            <p:cNvPr id="11" name="Freeform: Shape 10">
              <a:extLst>
                <a:ext uri="{FF2B5EF4-FFF2-40B4-BE49-F238E27FC236}">
                  <a16:creationId xmlns:a16="http://schemas.microsoft.com/office/drawing/2014/main" id="{AC9AA2E6-3972-4EAF-A71B-3E2223C37EAD}"/>
                </a:ext>
              </a:extLst>
            </p:cNvPr>
            <p:cNvSpPr/>
            <p:nvPr/>
          </p:nvSpPr>
          <p:spPr>
            <a:xfrm>
              <a:off x="10445531" y="3270549"/>
              <a:ext cx="1876002" cy="3650892"/>
            </a:xfrm>
            <a:custGeom>
              <a:avLst/>
              <a:gdLst>
                <a:gd name="connsiteX0" fmla="*/ 1562850 w 1876002"/>
                <a:gd name="connsiteY0" fmla="*/ 3650892 h 3650892"/>
                <a:gd name="connsiteX1" fmla="*/ 6436 w 1876002"/>
                <a:gd name="connsiteY1" fmla="*/ 1834145 h 3650892"/>
                <a:gd name="connsiteX2" fmla="*/ 47444 w 1876002"/>
                <a:gd name="connsiteY2" fmla="*/ 9941 h 3650892"/>
                <a:gd name="connsiteX3" fmla="*/ 49100 w 1876002"/>
                <a:gd name="connsiteY3" fmla="*/ 0 h 3650892"/>
                <a:gd name="connsiteX4" fmla="*/ 1624361 w 1876002"/>
                <a:gd name="connsiteY4" fmla="*/ 1400462 h 3650892"/>
                <a:gd name="connsiteX5" fmla="*/ 1674481 w 1876002"/>
                <a:gd name="connsiteY5" fmla="*/ 3352658 h 3650892"/>
                <a:gd name="connsiteX6" fmla="*/ 1562850 w 1876002"/>
                <a:gd name="connsiteY6" fmla="*/ 3650892 h 36508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876002" h="3650892">
                  <a:moveTo>
                    <a:pt x="1562850" y="3650892"/>
                  </a:moveTo>
                  <a:cubicBezTo>
                    <a:pt x="514885" y="3556451"/>
                    <a:pt x="37088" y="2504345"/>
                    <a:pt x="6436" y="1834145"/>
                  </a:cubicBezTo>
                  <a:cubicBezTo>
                    <a:pt x="-2884" y="1525761"/>
                    <a:pt x="-10547" y="51363"/>
                    <a:pt x="47444" y="9941"/>
                  </a:cubicBezTo>
                  <a:cubicBezTo>
                    <a:pt x="49100" y="0"/>
                    <a:pt x="49100" y="0"/>
                    <a:pt x="49100" y="0"/>
                  </a:cubicBezTo>
                  <a:cubicBezTo>
                    <a:pt x="680572" y="259713"/>
                    <a:pt x="1247011" y="846034"/>
                    <a:pt x="1624361" y="1400462"/>
                  </a:cubicBezTo>
                  <a:cubicBezTo>
                    <a:pt x="2023043" y="2009772"/>
                    <a:pt x="1876204" y="2701097"/>
                    <a:pt x="1674481" y="3352658"/>
                  </a:cubicBezTo>
                  <a:cubicBezTo>
                    <a:pt x="1647764" y="3450412"/>
                    <a:pt x="1612763" y="3536569"/>
                    <a:pt x="1562850" y="3650892"/>
                  </a:cubicBezTo>
                </a:path>
              </a:pathLst>
            </a:custGeom>
            <a:solidFill>
              <a:srgbClr val="459B97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24F92EFD-AE72-4141-BF6B-F9560E21C1F8}"/>
                </a:ext>
              </a:extLst>
            </p:cNvPr>
            <p:cNvSpPr/>
            <p:nvPr/>
          </p:nvSpPr>
          <p:spPr>
            <a:xfrm>
              <a:off x="10625392" y="3521682"/>
              <a:ext cx="1371735" cy="3413054"/>
            </a:xfrm>
            <a:custGeom>
              <a:avLst/>
              <a:gdLst>
                <a:gd name="connsiteX0" fmla="*/ 1788 w 1371735"/>
                <a:gd name="connsiteY0" fmla="*/ 28876 h 3413054"/>
                <a:gd name="connsiteX1" fmla="*/ 431743 w 1371735"/>
                <a:gd name="connsiteY1" fmla="*/ 788961 h 3413054"/>
                <a:gd name="connsiteX2" fmla="*/ 772228 w 1371735"/>
                <a:gd name="connsiteY2" fmla="*/ 1701063 h 3413054"/>
                <a:gd name="connsiteX3" fmla="*/ 1052652 w 1371735"/>
                <a:gd name="connsiteY3" fmla="*/ 2576713 h 3413054"/>
                <a:gd name="connsiteX4" fmla="*/ 1337011 w 1371735"/>
                <a:gd name="connsiteY4" fmla="*/ 3404108 h 3413054"/>
                <a:gd name="connsiteX5" fmla="*/ 1369734 w 1371735"/>
                <a:gd name="connsiteY5" fmla="*/ 3385055 h 3413054"/>
                <a:gd name="connsiteX6" fmla="*/ 1361449 w 1371735"/>
                <a:gd name="connsiteY6" fmla="*/ 3373456 h 3413054"/>
                <a:gd name="connsiteX7" fmla="*/ 1328726 w 1371735"/>
                <a:gd name="connsiteY7" fmla="*/ 3392510 h 3413054"/>
                <a:gd name="connsiteX8" fmla="*/ 1337011 w 1371735"/>
                <a:gd name="connsiteY8" fmla="*/ 3404108 h 3413054"/>
                <a:gd name="connsiteX9" fmla="*/ 1369734 w 1371735"/>
                <a:gd name="connsiteY9" fmla="*/ 3385055 h 3413054"/>
                <a:gd name="connsiteX10" fmla="*/ 1073570 w 1371735"/>
                <a:gd name="connsiteY10" fmla="*/ 2513546 h 3413054"/>
                <a:gd name="connsiteX11" fmla="*/ 790247 w 1371735"/>
                <a:gd name="connsiteY11" fmla="*/ 1635617 h 3413054"/>
                <a:gd name="connsiteX12" fmla="*/ 464673 w 1371735"/>
                <a:gd name="connsiteY12" fmla="*/ 769907 h 3413054"/>
                <a:gd name="connsiteX13" fmla="*/ 34718 w 1371735"/>
                <a:gd name="connsiteY13" fmla="*/ 9822 h 3413054"/>
                <a:gd name="connsiteX14" fmla="*/ 1788 w 1371735"/>
                <a:gd name="connsiteY14" fmla="*/ 28876 h 3413054"/>
                <a:gd name="connsiteX15" fmla="*/ 1788 w 1371735"/>
                <a:gd name="connsiteY15" fmla="*/ 28876 h 341305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371735" h="3413054">
                  <a:moveTo>
                    <a:pt x="1788" y="28876"/>
                  </a:moveTo>
                  <a:cubicBezTo>
                    <a:pt x="119011" y="296666"/>
                    <a:pt x="297330" y="530284"/>
                    <a:pt x="431743" y="788961"/>
                  </a:cubicBezTo>
                  <a:cubicBezTo>
                    <a:pt x="580861" y="1075805"/>
                    <a:pt x="669296" y="1395786"/>
                    <a:pt x="772228" y="1701063"/>
                  </a:cubicBezTo>
                  <a:cubicBezTo>
                    <a:pt x="870190" y="1992049"/>
                    <a:pt x="966288" y="2281999"/>
                    <a:pt x="1052652" y="2576713"/>
                  </a:cubicBezTo>
                  <a:cubicBezTo>
                    <a:pt x="1134666" y="2856723"/>
                    <a:pt x="1219995" y="3136318"/>
                    <a:pt x="1337011" y="3404108"/>
                  </a:cubicBezTo>
                  <a:cubicBezTo>
                    <a:pt x="1347987" y="3397688"/>
                    <a:pt x="1358757" y="3391475"/>
                    <a:pt x="1369734" y="3385055"/>
                  </a:cubicBezTo>
                  <a:cubicBezTo>
                    <a:pt x="1367041" y="3381120"/>
                    <a:pt x="1364142" y="3377391"/>
                    <a:pt x="1361449" y="3373456"/>
                  </a:cubicBezTo>
                  <a:cubicBezTo>
                    <a:pt x="1347366" y="3353781"/>
                    <a:pt x="1314643" y="3372628"/>
                    <a:pt x="1328726" y="3392510"/>
                  </a:cubicBezTo>
                  <a:cubicBezTo>
                    <a:pt x="1331419" y="3396445"/>
                    <a:pt x="1334318" y="3400173"/>
                    <a:pt x="1337011" y="3404108"/>
                  </a:cubicBezTo>
                  <a:cubicBezTo>
                    <a:pt x="1351301" y="3424198"/>
                    <a:pt x="1379468" y="3407215"/>
                    <a:pt x="1369734" y="3385055"/>
                  </a:cubicBezTo>
                  <a:cubicBezTo>
                    <a:pt x="1246505" y="3103388"/>
                    <a:pt x="1159726" y="2808053"/>
                    <a:pt x="1073570" y="2513546"/>
                  </a:cubicBezTo>
                  <a:cubicBezTo>
                    <a:pt x="986999" y="2217796"/>
                    <a:pt x="888208" y="1927638"/>
                    <a:pt x="790247" y="1635617"/>
                  </a:cubicBezTo>
                  <a:cubicBezTo>
                    <a:pt x="692492" y="1344216"/>
                    <a:pt x="603435" y="1044946"/>
                    <a:pt x="464673" y="769907"/>
                  </a:cubicBezTo>
                  <a:cubicBezTo>
                    <a:pt x="333160" y="509573"/>
                    <a:pt x="152148" y="277819"/>
                    <a:pt x="34718" y="9822"/>
                  </a:cubicBezTo>
                  <a:cubicBezTo>
                    <a:pt x="24777" y="-12338"/>
                    <a:pt x="-7946" y="6923"/>
                    <a:pt x="1788" y="28876"/>
                  </a:cubicBezTo>
                  <a:lnTo>
                    <a:pt x="1788" y="28876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" name="Freeform: Shape 12">
              <a:extLst>
                <a:ext uri="{FF2B5EF4-FFF2-40B4-BE49-F238E27FC236}">
                  <a16:creationId xmlns:a16="http://schemas.microsoft.com/office/drawing/2014/main" id="{152DF677-BCD5-4571-A847-E97BDA26E22E}"/>
                </a:ext>
              </a:extLst>
            </p:cNvPr>
            <p:cNvSpPr/>
            <p:nvPr/>
          </p:nvSpPr>
          <p:spPr>
            <a:xfrm>
              <a:off x="10568388" y="3758960"/>
              <a:ext cx="463768" cy="390574"/>
            </a:xfrm>
            <a:custGeom>
              <a:avLst/>
              <a:gdLst>
                <a:gd name="connsiteX0" fmla="*/ 8672 w 463768"/>
                <a:gd name="connsiteY0" fmla="*/ 198150 h 390574"/>
                <a:gd name="connsiteX1" fmla="*/ 410874 w 463768"/>
                <a:gd name="connsiteY1" fmla="*/ 389725 h 390574"/>
                <a:gd name="connsiteX2" fmla="*/ 434899 w 463768"/>
                <a:gd name="connsiteY2" fmla="*/ 371499 h 390574"/>
                <a:gd name="connsiteX3" fmla="*/ 463687 w 463768"/>
                <a:gd name="connsiteY3" fmla="*/ 18174 h 390574"/>
                <a:gd name="connsiteX4" fmla="*/ 425786 w 463768"/>
                <a:gd name="connsiteY4" fmla="*/ 18174 h 390574"/>
                <a:gd name="connsiteX5" fmla="*/ 396998 w 463768"/>
                <a:gd name="connsiteY5" fmla="*/ 371499 h 390574"/>
                <a:gd name="connsiteX6" fmla="*/ 421023 w 463768"/>
                <a:gd name="connsiteY6" fmla="*/ 353274 h 390574"/>
                <a:gd name="connsiteX7" fmla="*/ 27725 w 463768"/>
                <a:gd name="connsiteY7" fmla="*/ 165634 h 390574"/>
                <a:gd name="connsiteX8" fmla="*/ 8672 w 463768"/>
                <a:gd name="connsiteY8" fmla="*/ 198150 h 390574"/>
                <a:gd name="connsiteX9" fmla="*/ 8672 w 463768"/>
                <a:gd name="connsiteY9" fmla="*/ 198150 h 39057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63768" h="390574">
                  <a:moveTo>
                    <a:pt x="8672" y="198150"/>
                  </a:moveTo>
                  <a:cubicBezTo>
                    <a:pt x="132936" y="280786"/>
                    <a:pt x="269834" y="342090"/>
                    <a:pt x="410874" y="389725"/>
                  </a:cubicBezTo>
                  <a:cubicBezTo>
                    <a:pt x="422680" y="393660"/>
                    <a:pt x="434692" y="383304"/>
                    <a:pt x="434899" y="371499"/>
                  </a:cubicBezTo>
                  <a:cubicBezTo>
                    <a:pt x="435106" y="253034"/>
                    <a:pt x="453746" y="136018"/>
                    <a:pt x="463687" y="18174"/>
                  </a:cubicBezTo>
                  <a:cubicBezTo>
                    <a:pt x="465758" y="-6058"/>
                    <a:pt x="427857" y="-6058"/>
                    <a:pt x="425786" y="18174"/>
                  </a:cubicBezTo>
                  <a:cubicBezTo>
                    <a:pt x="415845" y="136018"/>
                    <a:pt x="397205" y="253034"/>
                    <a:pt x="396998" y="371499"/>
                  </a:cubicBezTo>
                  <a:cubicBezTo>
                    <a:pt x="404868" y="365493"/>
                    <a:pt x="412946" y="359280"/>
                    <a:pt x="421023" y="353274"/>
                  </a:cubicBezTo>
                  <a:cubicBezTo>
                    <a:pt x="282882" y="306675"/>
                    <a:pt x="149505" y="246406"/>
                    <a:pt x="27725" y="165634"/>
                  </a:cubicBezTo>
                  <a:cubicBezTo>
                    <a:pt x="7429" y="151965"/>
                    <a:pt x="-11625" y="184688"/>
                    <a:pt x="8672" y="198150"/>
                  </a:cubicBezTo>
                  <a:lnTo>
                    <a:pt x="8672" y="198150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" name="Freeform: Shape 13">
              <a:extLst>
                <a:ext uri="{FF2B5EF4-FFF2-40B4-BE49-F238E27FC236}">
                  <a16:creationId xmlns:a16="http://schemas.microsoft.com/office/drawing/2014/main" id="{59818E3A-B7E0-4111-B976-92E9D31FC5E9}"/>
                </a:ext>
              </a:extLst>
            </p:cNvPr>
            <p:cNvSpPr/>
            <p:nvPr/>
          </p:nvSpPr>
          <p:spPr>
            <a:xfrm>
              <a:off x="10574138" y="4118909"/>
              <a:ext cx="713804" cy="433172"/>
            </a:xfrm>
            <a:custGeom>
              <a:avLst/>
              <a:gdLst>
                <a:gd name="connsiteX0" fmla="*/ 8928 w 713804"/>
                <a:gd name="connsiteY0" fmla="*/ 166467 h 433172"/>
                <a:gd name="connsiteX1" fmla="*/ 608919 w 713804"/>
                <a:gd name="connsiteY1" fmla="*/ 431150 h 433172"/>
                <a:gd name="connsiteX2" fmla="*/ 636672 w 713804"/>
                <a:gd name="connsiteY2" fmla="*/ 419966 h 433172"/>
                <a:gd name="connsiteX3" fmla="*/ 713508 w 713804"/>
                <a:gd name="connsiteY3" fmla="*/ 23769 h 433172"/>
                <a:gd name="connsiteX4" fmla="*/ 677058 w 713804"/>
                <a:gd name="connsiteY4" fmla="*/ 13828 h 433172"/>
                <a:gd name="connsiteX5" fmla="*/ 600221 w 713804"/>
                <a:gd name="connsiteY5" fmla="*/ 410025 h 433172"/>
                <a:gd name="connsiteX6" fmla="*/ 627973 w 713804"/>
                <a:gd name="connsiteY6" fmla="*/ 398634 h 433172"/>
                <a:gd name="connsiteX7" fmla="*/ 28189 w 713804"/>
                <a:gd name="connsiteY7" fmla="*/ 133951 h 433172"/>
                <a:gd name="connsiteX8" fmla="*/ 8928 w 713804"/>
                <a:gd name="connsiteY8" fmla="*/ 166467 h 433172"/>
                <a:gd name="connsiteX9" fmla="*/ 8928 w 713804"/>
                <a:gd name="connsiteY9" fmla="*/ 166467 h 43317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713804" h="433172">
                  <a:moveTo>
                    <a:pt x="8928" y="166467"/>
                  </a:moveTo>
                  <a:cubicBezTo>
                    <a:pt x="195947" y="282033"/>
                    <a:pt x="408232" y="344579"/>
                    <a:pt x="608919" y="431150"/>
                  </a:cubicBezTo>
                  <a:cubicBezTo>
                    <a:pt x="619689" y="435706"/>
                    <a:pt x="633565" y="432807"/>
                    <a:pt x="636672" y="419966"/>
                  </a:cubicBezTo>
                  <a:cubicBezTo>
                    <a:pt x="668359" y="289074"/>
                    <a:pt x="691141" y="156525"/>
                    <a:pt x="713508" y="23769"/>
                  </a:cubicBezTo>
                  <a:cubicBezTo>
                    <a:pt x="717443" y="-48"/>
                    <a:pt x="680993" y="-10403"/>
                    <a:pt x="677058" y="13828"/>
                  </a:cubicBezTo>
                  <a:cubicBezTo>
                    <a:pt x="654690" y="146584"/>
                    <a:pt x="631908" y="279133"/>
                    <a:pt x="600221" y="410025"/>
                  </a:cubicBezTo>
                  <a:cubicBezTo>
                    <a:pt x="609540" y="406297"/>
                    <a:pt x="618860" y="402569"/>
                    <a:pt x="627973" y="398634"/>
                  </a:cubicBezTo>
                  <a:cubicBezTo>
                    <a:pt x="427493" y="312063"/>
                    <a:pt x="215000" y="249310"/>
                    <a:pt x="28189" y="133951"/>
                  </a:cubicBezTo>
                  <a:cubicBezTo>
                    <a:pt x="7272" y="120903"/>
                    <a:pt x="-11782" y="153626"/>
                    <a:pt x="8928" y="166467"/>
                  </a:cubicBezTo>
                  <a:lnTo>
                    <a:pt x="8928" y="166467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" name="Freeform: Shape 14">
              <a:extLst>
                <a:ext uri="{FF2B5EF4-FFF2-40B4-BE49-F238E27FC236}">
                  <a16:creationId xmlns:a16="http://schemas.microsoft.com/office/drawing/2014/main" id="{78539B0D-C992-4ABF-8F8D-ABD462EFB5E8}"/>
                </a:ext>
              </a:extLst>
            </p:cNvPr>
            <p:cNvSpPr/>
            <p:nvPr/>
          </p:nvSpPr>
          <p:spPr>
            <a:xfrm>
              <a:off x="10548869" y="4399170"/>
              <a:ext cx="1008997" cy="611440"/>
            </a:xfrm>
            <a:custGeom>
              <a:avLst/>
              <a:gdLst>
                <a:gd name="connsiteX0" fmla="*/ 13279 w 1008997"/>
                <a:gd name="connsiteY0" fmla="*/ 282817 h 611440"/>
                <a:gd name="connsiteX1" fmla="*/ 807123 w 1008997"/>
                <a:gd name="connsiteY1" fmla="*/ 610668 h 611440"/>
                <a:gd name="connsiteX2" fmla="*/ 830319 w 1008997"/>
                <a:gd name="connsiteY2" fmla="*/ 597413 h 611440"/>
                <a:gd name="connsiteX3" fmla="*/ 1008638 w 1008997"/>
                <a:gd name="connsiteY3" fmla="*/ 23725 h 611440"/>
                <a:gd name="connsiteX4" fmla="*/ 972187 w 1008997"/>
                <a:gd name="connsiteY4" fmla="*/ 13577 h 611440"/>
                <a:gd name="connsiteX5" fmla="*/ 793868 w 1008997"/>
                <a:gd name="connsiteY5" fmla="*/ 587265 h 611440"/>
                <a:gd name="connsiteX6" fmla="*/ 817064 w 1008997"/>
                <a:gd name="connsiteY6" fmla="*/ 574010 h 611440"/>
                <a:gd name="connsiteX7" fmla="*/ 23427 w 1008997"/>
                <a:gd name="connsiteY7" fmla="*/ 246366 h 611440"/>
                <a:gd name="connsiteX8" fmla="*/ 13279 w 1008997"/>
                <a:gd name="connsiteY8" fmla="*/ 282817 h 611440"/>
                <a:gd name="connsiteX9" fmla="*/ 13279 w 1008997"/>
                <a:gd name="connsiteY9" fmla="*/ 282817 h 6114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1008997" h="611440">
                  <a:moveTo>
                    <a:pt x="13279" y="282817"/>
                  </a:moveTo>
                  <a:cubicBezTo>
                    <a:pt x="289561" y="363381"/>
                    <a:pt x="530841" y="530103"/>
                    <a:pt x="807123" y="610668"/>
                  </a:cubicBezTo>
                  <a:cubicBezTo>
                    <a:pt x="817478" y="613774"/>
                    <a:pt x="827212" y="607147"/>
                    <a:pt x="830319" y="597413"/>
                  </a:cubicBezTo>
                  <a:cubicBezTo>
                    <a:pt x="894729" y="407495"/>
                    <a:pt x="973016" y="222134"/>
                    <a:pt x="1008638" y="23725"/>
                  </a:cubicBezTo>
                  <a:cubicBezTo>
                    <a:pt x="1012988" y="-92"/>
                    <a:pt x="976537" y="-10241"/>
                    <a:pt x="972187" y="13577"/>
                  </a:cubicBezTo>
                  <a:cubicBezTo>
                    <a:pt x="936565" y="211986"/>
                    <a:pt x="858278" y="397347"/>
                    <a:pt x="793868" y="587265"/>
                  </a:cubicBezTo>
                  <a:cubicBezTo>
                    <a:pt x="801531" y="582915"/>
                    <a:pt x="809401" y="578359"/>
                    <a:pt x="817064" y="574010"/>
                  </a:cubicBezTo>
                  <a:cubicBezTo>
                    <a:pt x="540989" y="493652"/>
                    <a:pt x="299709" y="327138"/>
                    <a:pt x="23427" y="246366"/>
                  </a:cubicBezTo>
                  <a:cubicBezTo>
                    <a:pt x="24" y="239531"/>
                    <a:pt x="-10124" y="275982"/>
                    <a:pt x="13279" y="282817"/>
                  </a:cubicBezTo>
                  <a:lnTo>
                    <a:pt x="13279" y="282817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" name="Freeform: Shape 15">
              <a:extLst>
                <a:ext uri="{FF2B5EF4-FFF2-40B4-BE49-F238E27FC236}">
                  <a16:creationId xmlns:a16="http://schemas.microsoft.com/office/drawing/2014/main" id="{F6E5FDF8-9617-49CD-9751-A80FFF290B9B}"/>
                </a:ext>
              </a:extLst>
            </p:cNvPr>
            <p:cNvSpPr/>
            <p:nvPr/>
          </p:nvSpPr>
          <p:spPr>
            <a:xfrm>
              <a:off x="10645958" y="4782571"/>
              <a:ext cx="1185080" cy="627779"/>
            </a:xfrm>
            <a:custGeom>
              <a:avLst/>
              <a:gdLst>
                <a:gd name="connsiteX0" fmla="*/ 8975 w 1185080"/>
                <a:gd name="connsiteY0" fmla="*/ 292506 h 627779"/>
                <a:gd name="connsiteX1" fmla="*/ 438309 w 1185080"/>
                <a:gd name="connsiteY1" fmla="*/ 490294 h 627779"/>
                <a:gd name="connsiteX2" fmla="*/ 780243 w 1185080"/>
                <a:gd name="connsiteY2" fmla="*/ 626778 h 627779"/>
                <a:gd name="connsiteX3" fmla="*/ 968297 w 1185080"/>
                <a:gd name="connsiteY3" fmla="*/ 462334 h 627779"/>
                <a:gd name="connsiteX4" fmla="*/ 1182860 w 1185080"/>
                <a:gd name="connsiteY4" fmla="*/ 28651 h 627779"/>
                <a:gd name="connsiteX5" fmla="*/ 1150137 w 1185080"/>
                <a:gd name="connsiteY5" fmla="*/ 9597 h 627779"/>
                <a:gd name="connsiteX6" fmla="*/ 964155 w 1185080"/>
                <a:gd name="connsiteY6" fmla="*/ 372657 h 627779"/>
                <a:gd name="connsiteX7" fmla="*/ 729916 w 1185080"/>
                <a:gd name="connsiteY7" fmla="*/ 579143 h 627779"/>
                <a:gd name="connsiteX8" fmla="*/ 418633 w 1185080"/>
                <a:gd name="connsiteY8" fmla="*/ 440588 h 627779"/>
                <a:gd name="connsiteX9" fmla="*/ 28028 w 1185080"/>
                <a:gd name="connsiteY9" fmla="*/ 259783 h 627779"/>
                <a:gd name="connsiteX10" fmla="*/ 8975 w 1185080"/>
                <a:gd name="connsiteY10" fmla="*/ 292506 h 627779"/>
                <a:gd name="connsiteX11" fmla="*/ 8975 w 1185080"/>
                <a:gd name="connsiteY11" fmla="*/ 292506 h 62777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1185080" h="627779">
                  <a:moveTo>
                    <a:pt x="8975" y="292506"/>
                  </a:moveTo>
                  <a:cubicBezTo>
                    <a:pt x="144630" y="375349"/>
                    <a:pt x="294369" y="424641"/>
                    <a:pt x="438309" y="490294"/>
                  </a:cubicBezTo>
                  <a:cubicBezTo>
                    <a:pt x="548904" y="540621"/>
                    <a:pt x="657221" y="612280"/>
                    <a:pt x="780243" y="626778"/>
                  </a:cubicBezTo>
                  <a:cubicBezTo>
                    <a:pt x="881519" y="638790"/>
                    <a:pt x="934745" y="540414"/>
                    <a:pt x="968297" y="462334"/>
                  </a:cubicBezTo>
                  <a:cubicBezTo>
                    <a:pt x="1032500" y="313010"/>
                    <a:pt x="1109959" y="173626"/>
                    <a:pt x="1182860" y="28651"/>
                  </a:cubicBezTo>
                  <a:cubicBezTo>
                    <a:pt x="1193837" y="6905"/>
                    <a:pt x="1161114" y="-12149"/>
                    <a:pt x="1150137" y="9597"/>
                  </a:cubicBezTo>
                  <a:cubicBezTo>
                    <a:pt x="1089041" y="131169"/>
                    <a:pt x="1016346" y="246942"/>
                    <a:pt x="964155" y="372657"/>
                  </a:cubicBezTo>
                  <a:cubicBezTo>
                    <a:pt x="917348" y="485323"/>
                    <a:pt x="879862" y="617872"/>
                    <a:pt x="729916" y="579143"/>
                  </a:cubicBezTo>
                  <a:cubicBezTo>
                    <a:pt x="619735" y="550562"/>
                    <a:pt x="523637" y="482631"/>
                    <a:pt x="418633" y="440588"/>
                  </a:cubicBezTo>
                  <a:cubicBezTo>
                    <a:pt x="285670" y="387361"/>
                    <a:pt x="150636" y="334549"/>
                    <a:pt x="28028" y="259783"/>
                  </a:cubicBezTo>
                  <a:cubicBezTo>
                    <a:pt x="7111" y="246942"/>
                    <a:pt x="-11736" y="279665"/>
                    <a:pt x="8975" y="292506"/>
                  </a:cubicBezTo>
                  <a:lnTo>
                    <a:pt x="8975" y="292506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" name="Freeform: Shape 16">
              <a:extLst>
                <a:ext uri="{FF2B5EF4-FFF2-40B4-BE49-F238E27FC236}">
                  <a16:creationId xmlns:a16="http://schemas.microsoft.com/office/drawing/2014/main" id="{1F546BA0-7172-4179-9723-141C606D245B}"/>
                </a:ext>
              </a:extLst>
            </p:cNvPr>
            <p:cNvSpPr/>
            <p:nvPr/>
          </p:nvSpPr>
          <p:spPr>
            <a:xfrm>
              <a:off x="10705272" y="5222868"/>
              <a:ext cx="1308052" cy="693850"/>
            </a:xfrm>
            <a:custGeom>
              <a:avLst/>
              <a:gdLst>
                <a:gd name="connsiteX0" fmla="*/ 6408 w 1308052"/>
                <a:gd name="connsiteY0" fmla="*/ 340154 h 693850"/>
                <a:gd name="connsiteX1" fmla="*/ 390385 w 1308052"/>
                <a:gd name="connsiteY1" fmla="*/ 497556 h 693850"/>
                <a:gd name="connsiteX2" fmla="*/ 928037 w 1308052"/>
                <a:gd name="connsiteY2" fmla="*/ 693065 h 693850"/>
                <a:gd name="connsiteX3" fmla="*/ 949369 w 1308052"/>
                <a:gd name="connsiteY3" fmla="*/ 684367 h 693850"/>
                <a:gd name="connsiteX4" fmla="*/ 1307251 w 1308052"/>
                <a:gd name="connsiteY4" fmla="*/ 23486 h 693850"/>
                <a:gd name="connsiteX5" fmla="*/ 1270800 w 1308052"/>
                <a:gd name="connsiteY5" fmla="*/ 13338 h 693850"/>
                <a:gd name="connsiteX6" fmla="*/ 1101178 w 1308052"/>
                <a:gd name="connsiteY6" fmla="*/ 380540 h 693850"/>
                <a:gd name="connsiteX7" fmla="*/ 987684 w 1308052"/>
                <a:gd name="connsiteY7" fmla="*/ 561138 h 693850"/>
                <a:gd name="connsiteX8" fmla="*/ 939427 w 1308052"/>
                <a:gd name="connsiteY8" fmla="*/ 632383 h 693850"/>
                <a:gd name="connsiteX9" fmla="*/ 834838 w 1308052"/>
                <a:gd name="connsiteY9" fmla="*/ 621406 h 693850"/>
                <a:gd name="connsiteX10" fmla="*/ 420002 w 1308052"/>
                <a:gd name="connsiteY10" fmla="*/ 466904 h 693850"/>
                <a:gd name="connsiteX11" fmla="*/ 33125 w 1308052"/>
                <a:gd name="connsiteY11" fmla="*/ 313230 h 693850"/>
                <a:gd name="connsiteX12" fmla="*/ 6408 w 1308052"/>
                <a:gd name="connsiteY12" fmla="*/ 340154 h 693850"/>
                <a:gd name="connsiteX13" fmla="*/ 6408 w 1308052"/>
                <a:gd name="connsiteY13" fmla="*/ 340154 h 6938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1308052" h="693850">
                  <a:moveTo>
                    <a:pt x="6408" y="340154"/>
                  </a:moveTo>
                  <a:cubicBezTo>
                    <a:pt x="116175" y="430039"/>
                    <a:pt x="257422" y="458205"/>
                    <a:pt x="390385" y="497556"/>
                  </a:cubicBezTo>
                  <a:cubicBezTo>
                    <a:pt x="573468" y="551818"/>
                    <a:pt x="745782" y="636525"/>
                    <a:pt x="928037" y="693065"/>
                  </a:cubicBezTo>
                  <a:cubicBezTo>
                    <a:pt x="936528" y="695758"/>
                    <a:pt x="944605" y="691201"/>
                    <a:pt x="949369" y="684367"/>
                  </a:cubicBezTo>
                  <a:cubicBezTo>
                    <a:pt x="1090409" y="481401"/>
                    <a:pt x="1239112" y="263938"/>
                    <a:pt x="1307251" y="23486"/>
                  </a:cubicBezTo>
                  <a:cubicBezTo>
                    <a:pt x="1313878" y="-124"/>
                    <a:pt x="1277427" y="-10065"/>
                    <a:pt x="1270800" y="13338"/>
                  </a:cubicBezTo>
                  <a:cubicBezTo>
                    <a:pt x="1233935" y="143609"/>
                    <a:pt x="1169317" y="264145"/>
                    <a:pt x="1101178" y="380540"/>
                  </a:cubicBezTo>
                  <a:cubicBezTo>
                    <a:pt x="1065349" y="441844"/>
                    <a:pt x="1026827" y="501698"/>
                    <a:pt x="987684" y="561138"/>
                  </a:cubicBezTo>
                  <a:cubicBezTo>
                    <a:pt x="971943" y="585162"/>
                    <a:pt x="955789" y="608773"/>
                    <a:pt x="939427" y="632383"/>
                  </a:cubicBezTo>
                  <a:cubicBezTo>
                    <a:pt x="915817" y="666763"/>
                    <a:pt x="867768" y="633418"/>
                    <a:pt x="834838" y="621406"/>
                  </a:cubicBezTo>
                  <a:cubicBezTo>
                    <a:pt x="695869" y="570872"/>
                    <a:pt x="560628" y="512882"/>
                    <a:pt x="420002" y="466904"/>
                  </a:cubicBezTo>
                  <a:cubicBezTo>
                    <a:pt x="288488" y="423825"/>
                    <a:pt x="143099" y="403529"/>
                    <a:pt x="33125" y="313230"/>
                  </a:cubicBezTo>
                  <a:cubicBezTo>
                    <a:pt x="14485" y="298111"/>
                    <a:pt x="-12439" y="324621"/>
                    <a:pt x="6408" y="340154"/>
                  </a:cubicBezTo>
                  <a:lnTo>
                    <a:pt x="6408" y="340154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8" name="Freeform: Shape 17">
              <a:extLst>
                <a:ext uri="{FF2B5EF4-FFF2-40B4-BE49-F238E27FC236}">
                  <a16:creationId xmlns:a16="http://schemas.microsoft.com/office/drawing/2014/main" id="{C022B3B9-DC65-46E7-923F-AE1EF007AF04}"/>
                </a:ext>
              </a:extLst>
            </p:cNvPr>
            <p:cNvSpPr/>
            <p:nvPr/>
          </p:nvSpPr>
          <p:spPr>
            <a:xfrm>
              <a:off x="10850062" y="5765432"/>
              <a:ext cx="1225541" cy="680327"/>
            </a:xfrm>
            <a:custGeom>
              <a:avLst/>
              <a:gdLst>
                <a:gd name="connsiteX0" fmla="*/ 13428 w 1225541"/>
                <a:gd name="connsiteY0" fmla="*/ 348289 h 680327"/>
                <a:gd name="connsiteX1" fmla="*/ 949968 w 1225541"/>
                <a:gd name="connsiteY1" fmla="*/ 679662 h 680327"/>
                <a:gd name="connsiteX2" fmla="*/ 971300 w 1225541"/>
                <a:gd name="connsiteY2" fmla="*/ 670963 h 680327"/>
                <a:gd name="connsiteX3" fmla="*/ 1224593 w 1225541"/>
                <a:gd name="connsiteY3" fmla="*/ 23338 h 680327"/>
                <a:gd name="connsiteX4" fmla="*/ 1188142 w 1225541"/>
                <a:gd name="connsiteY4" fmla="*/ 13189 h 680327"/>
                <a:gd name="connsiteX5" fmla="*/ 1057250 w 1225541"/>
                <a:gd name="connsiteY5" fmla="*/ 391368 h 680327"/>
                <a:gd name="connsiteX6" fmla="*/ 973993 w 1225541"/>
                <a:gd name="connsiteY6" fmla="*/ 582321 h 680327"/>
                <a:gd name="connsiteX7" fmla="*/ 908133 w 1225541"/>
                <a:gd name="connsiteY7" fmla="*/ 627056 h 680327"/>
                <a:gd name="connsiteX8" fmla="*/ 804372 w 1225541"/>
                <a:gd name="connsiteY8" fmla="*/ 591434 h 680327"/>
                <a:gd name="connsiteX9" fmla="*/ 23576 w 1225541"/>
                <a:gd name="connsiteY9" fmla="*/ 311839 h 680327"/>
                <a:gd name="connsiteX10" fmla="*/ 13428 w 1225541"/>
                <a:gd name="connsiteY10" fmla="*/ 348289 h 680327"/>
                <a:gd name="connsiteX11" fmla="*/ 13428 w 1225541"/>
                <a:gd name="connsiteY11" fmla="*/ 348289 h 68032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1225541" h="680327">
                  <a:moveTo>
                    <a:pt x="13428" y="348289"/>
                  </a:moveTo>
                  <a:cubicBezTo>
                    <a:pt x="336516" y="426162"/>
                    <a:pt x="632887" y="582735"/>
                    <a:pt x="949968" y="679662"/>
                  </a:cubicBezTo>
                  <a:cubicBezTo>
                    <a:pt x="957838" y="681940"/>
                    <a:pt x="967572" y="678212"/>
                    <a:pt x="971300" y="670963"/>
                  </a:cubicBezTo>
                  <a:cubicBezTo>
                    <a:pt x="1078996" y="464891"/>
                    <a:pt x="1155212" y="244736"/>
                    <a:pt x="1224593" y="23338"/>
                  </a:cubicBezTo>
                  <a:cubicBezTo>
                    <a:pt x="1231842" y="-65"/>
                    <a:pt x="1195391" y="-10007"/>
                    <a:pt x="1188142" y="13189"/>
                  </a:cubicBezTo>
                  <a:cubicBezTo>
                    <a:pt x="1148170" y="140561"/>
                    <a:pt x="1105920" y="266896"/>
                    <a:pt x="1057250" y="391368"/>
                  </a:cubicBezTo>
                  <a:cubicBezTo>
                    <a:pt x="1031983" y="455985"/>
                    <a:pt x="1003816" y="519568"/>
                    <a:pt x="973993" y="582321"/>
                  </a:cubicBezTo>
                  <a:cubicBezTo>
                    <a:pt x="955560" y="620843"/>
                    <a:pt x="953489" y="641347"/>
                    <a:pt x="908133" y="627056"/>
                  </a:cubicBezTo>
                  <a:cubicBezTo>
                    <a:pt x="873339" y="615872"/>
                    <a:pt x="838752" y="603653"/>
                    <a:pt x="804372" y="591434"/>
                  </a:cubicBezTo>
                  <a:cubicBezTo>
                    <a:pt x="543830" y="498235"/>
                    <a:pt x="293644" y="376870"/>
                    <a:pt x="23576" y="311839"/>
                  </a:cubicBezTo>
                  <a:cubicBezTo>
                    <a:pt x="-34" y="306040"/>
                    <a:pt x="-10182" y="342697"/>
                    <a:pt x="13428" y="348289"/>
                  </a:cubicBezTo>
                  <a:lnTo>
                    <a:pt x="13428" y="348289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19" name="Graphic 153">
            <a:extLst>
              <a:ext uri="{FF2B5EF4-FFF2-40B4-BE49-F238E27FC236}">
                <a16:creationId xmlns:a16="http://schemas.microsoft.com/office/drawing/2014/main" id="{9AF86EE5-700D-410A-A89B-32EBF3C114B3}"/>
              </a:ext>
            </a:extLst>
          </p:cNvPr>
          <p:cNvGrpSpPr/>
          <p:nvPr/>
        </p:nvGrpSpPr>
        <p:grpSpPr>
          <a:xfrm>
            <a:off x="11161825" y="3187825"/>
            <a:ext cx="1068908" cy="1281259"/>
            <a:chOff x="11161825" y="3187825"/>
            <a:chExt cx="1068908" cy="1281259"/>
          </a:xfrm>
        </p:grpSpPr>
        <p:sp>
          <p:nvSpPr>
            <p:cNvPr id="20" name="Freeform: Shape 19">
              <a:extLst>
                <a:ext uri="{FF2B5EF4-FFF2-40B4-BE49-F238E27FC236}">
                  <a16:creationId xmlns:a16="http://schemas.microsoft.com/office/drawing/2014/main" id="{CB356B4D-3784-43F2-A28E-F75020CB9D06}"/>
                </a:ext>
              </a:extLst>
            </p:cNvPr>
            <p:cNvSpPr/>
            <p:nvPr/>
          </p:nvSpPr>
          <p:spPr>
            <a:xfrm>
              <a:off x="11161825" y="3187825"/>
              <a:ext cx="1065500" cy="1267823"/>
            </a:xfrm>
            <a:custGeom>
              <a:avLst/>
              <a:gdLst>
                <a:gd name="connsiteX0" fmla="*/ 996210 w 1065500"/>
                <a:gd name="connsiteY0" fmla="*/ 1267823 h 1267823"/>
                <a:gd name="connsiteX1" fmla="*/ 199371 w 1065500"/>
                <a:gd name="connsiteY1" fmla="*/ 961111 h 1267823"/>
                <a:gd name="connsiteX2" fmla="*/ 59 w 1065500"/>
                <a:gd name="connsiteY2" fmla="*/ 814786 h 1267823"/>
                <a:gd name="connsiteX3" fmla="*/ 163096 w 1065500"/>
                <a:gd name="connsiteY3" fmla="*/ 788701 h 1267823"/>
                <a:gd name="connsiteX4" fmla="*/ 576188 w 1065500"/>
                <a:gd name="connsiteY4" fmla="*/ 936656 h 1267823"/>
                <a:gd name="connsiteX5" fmla="*/ 95232 w 1065500"/>
                <a:gd name="connsiteY5" fmla="*/ 448566 h 1267823"/>
                <a:gd name="connsiteX6" fmla="*/ 362407 w 1065500"/>
                <a:gd name="connsiteY6" fmla="*/ 547407 h 1267823"/>
                <a:gd name="connsiteX7" fmla="*/ 674010 w 1065500"/>
                <a:gd name="connsiteY7" fmla="*/ 768729 h 1267823"/>
                <a:gd name="connsiteX8" fmla="*/ 451466 w 1065500"/>
                <a:gd name="connsiteY8" fmla="*/ 409845 h 1267823"/>
                <a:gd name="connsiteX9" fmla="*/ 346511 w 1065500"/>
                <a:gd name="connsiteY9" fmla="*/ 135741 h 1267823"/>
                <a:gd name="connsiteX10" fmla="*/ 574966 w 1065500"/>
                <a:gd name="connsiteY10" fmla="*/ 260871 h 1267823"/>
                <a:gd name="connsiteX11" fmla="*/ 808311 w 1065500"/>
                <a:gd name="connsiteY11" fmla="*/ 639319 h 1267823"/>
                <a:gd name="connsiteX12" fmla="*/ 705598 w 1065500"/>
                <a:gd name="connsiteY12" fmla="*/ 166514 h 1267823"/>
                <a:gd name="connsiteX13" fmla="*/ 912451 w 1065500"/>
                <a:gd name="connsiteY13" fmla="*/ 133703 h 1267823"/>
                <a:gd name="connsiteX14" fmla="*/ 1050827 w 1065500"/>
                <a:gd name="connsiteY14" fmla="*/ 883262 h 1267823"/>
                <a:gd name="connsiteX15" fmla="*/ 1065501 w 1065500"/>
                <a:gd name="connsiteY15" fmla="*/ 1260283 h 126782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065500" h="1267823">
                  <a:moveTo>
                    <a:pt x="996210" y="1267823"/>
                  </a:moveTo>
                  <a:cubicBezTo>
                    <a:pt x="733518" y="1153902"/>
                    <a:pt x="462063" y="1069938"/>
                    <a:pt x="199371" y="961111"/>
                  </a:cubicBezTo>
                  <a:cubicBezTo>
                    <a:pt x="149034" y="938286"/>
                    <a:pt x="2913" y="889172"/>
                    <a:pt x="59" y="814786"/>
                  </a:cubicBezTo>
                  <a:cubicBezTo>
                    <a:pt x="-2998" y="735510"/>
                    <a:pt x="112758" y="775658"/>
                    <a:pt x="163096" y="788701"/>
                  </a:cubicBezTo>
                  <a:cubicBezTo>
                    <a:pt x="293932" y="833332"/>
                    <a:pt x="429456" y="867773"/>
                    <a:pt x="576188" y="936656"/>
                  </a:cubicBezTo>
                  <a:cubicBezTo>
                    <a:pt x="481627" y="806227"/>
                    <a:pt x="16159" y="585924"/>
                    <a:pt x="95232" y="448566"/>
                  </a:cubicBezTo>
                  <a:cubicBezTo>
                    <a:pt x="156574" y="342185"/>
                    <a:pt x="305956" y="505018"/>
                    <a:pt x="362407" y="547407"/>
                  </a:cubicBezTo>
                  <a:cubicBezTo>
                    <a:pt x="464712" y="623015"/>
                    <a:pt x="576392" y="688230"/>
                    <a:pt x="674010" y="768729"/>
                  </a:cubicBezTo>
                  <a:cubicBezTo>
                    <a:pt x="630194" y="661125"/>
                    <a:pt x="510159" y="516838"/>
                    <a:pt x="451466" y="409845"/>
                  </a:cubicBezTo>
                  <a:cubicBezTo>
                    <a:pt x="403574" y="327308"/>
                    <a:pt x="320425" y="231117"/>
                    <a:pt x="346511" y="135741"/>
                  </a:cubicBezTo>
                  <a:cubicBezTo>
                    <a:pt x="384825" y="-29741"/>
                    <a:pt x="532984" y="202993"/>
                    <a:pt x="574966" y="260871"/>
                  </a:cubicBezTo>
                  <a:cubicBezTo>
                    <a:pt x="638346" y="357674"/>
                    <a:pt x="743301" y="502776"/>
                    <a:pt x="808311" y="639319"/>
                  </a:cubicBezTo>
                  <a:cubicBezTo>
                    <a:pt x="823188" y="509501"/>
                    <a:pt x="715788" y="300203"/>
                    <a:pt x="705598" y="166514"/>
                  </a:cubicBezTo>
                  <a:cubicBezTo>
                    <a:pt x="692148" y="-41561"/>
                    <a:pt x="835620" y="-57050"/>
                    <a:pt x="912451" y="133703"/>
                  </a:cubicBezTo>
                  <a:cubicBezTo>
                    <a:pt x="1011087" y="373162"/>
                    <a:pt x="1030652" y="620977"/>
                    <a:pt x="1050827" y="883262"/>
                  </a:cubicBezTo>
                  <a:cubicBezTo>
                    <a:pt x="1060202" y="997183"/>
                    <a:pt x="1061017" y="1146158"/>
                    <a:pt x="1065501" y="1260283"/>
                  </a:cubicBezTo>
                </a:path>
              </a:pathLst>
            </a:custGeom>
            <a:solidFill>
              <a:srgbClr val="FFDB69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1" name="Freeform: Shape 20">
              <a:extLst>
                <a:ext uri="{FF2B5EF4-FFF2-40B4-BE49-F238E27FC236}">
                  <a16:creationId xmlns:a16="http://schemas.microsoft.com/office/drawing/2014/main" id="{27B476EC-8FCE-440C-A1E7-2768425702BE}"/>
                </a:ext>
              </a:extLst>
            </p:cNvPr>
            <p:cNvSpPr/>
            <p:nvPr/>
          </p:nvSpPr>
          <p:spPr>
            <a:xfrm>
              <a:off x="11581671" y="3386307"/>
              <a:ext cx="649062" cy="1076344"/>
            </a:xfrm>
            <a:custGeom>
              <a:avLst/>
              <a:gdLst>
                <a:gd name="connsiteX0" fmla="*/ 2885 w 649062"/>
                <a:gd name="connsiteY0" fmla="*/ 27541 h 1076344"/>
                <a:gd name="connsiteX1" fmla="*/ 362583 w 649062"/>
                <a:gd name="connsiteY1" fmla="*/ 612433 h 1076344"/>
                <a:gd name="connsiteX2" fmla="*/ 517264 w 649062"/>
                <a:gd name="connsiteY2" fmla="*/ 884907 h 1076344"/>
                <a:gd name="connsiteX3" fmla="*/ 617531 w 649062"/>
                <a:gd name="connsiteY3" fmla="*/ 1070565 h 1076344"/>
                <a:gd name="connsiteX4" fmla="*/ 643821 w 649062"/>
                <a:gd name="connsiteY4" fmla="*/ 1044275 h 1076344"/>
                <a:gd name="connsiteX5" fmla="*/ 541719 w 649062"/>
                <a:gd name="connsiteY5" fmla="*/ 849243 h 1076344"/>
                <a:gd name="connsiteX6" fmla="*/ 379702 w 649062"/>
                <a:gd name="connsiteY6" fmla="*/ 570451 h 1076344"/>
                <a:gd name="connsiteX7" fmla="*/ 35288 w 649062"/>
                <a:gd name="connsiteY7" fmla="*/ 8791 h 1076344"/>
                <a:gd name="connsiteX8" fmla="*/ 2885 w 649062"/>
                <a:gd name="connsiteY8" fmla="*/ 27541 h 1076344"/>
                <a:gd name="connsiteX9" fmla="*/ 2885 w 649062"/>
                <a:gd name="connsiteY9" fmla="*/ 27541 h 107634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649062" h="1076344">
                  <a:moveTo>
                    <a:pt x="2885" y="27541"/>
                  </a:moveTo>
                  <a:cubicBezTo>
                    <a:pt x="123124" y="222573"/>
                    <a:pt x="237249" y="420662"/>
                    <a:pt x="362583" y="612433"/>
                  </a:cubicBezTo>
                  <a:cubicBezTo>
                    <a:pt x="419238" y="699046"/>
                    <a:pt x="473855" y="790957"/>
                    <a:pt x="517264" y="884907"/>
                  </a:cubicBezTo>
                  <a:cubicBezTo>
                    <a:pt x="546406" y="948084"/>
                    <a:pt x="569028" y="1019004"/>
                    <a:pt x="617531" y="1070565"/>
                  </a:cubicBezTo>
                  <a:cubicBezTo>
                    <a:pt x="634038" y="1088091"/>
                    <a:pt x="660328" y="1061801"/>
                    <a:pt x="643821" y="1044275"/>
                  </a:cubicBezTo>
                  <a:cubicBezTo>
                    <a:pt x="594298" y="991696"/>
                    <a:pt x="571473" y="913846"/>
                    <a:pt x="541719" y="849243"/>
                  </a:cubicBezTo>
                  <a:cubicBezTo>
                    <a:pt x="497088" y="752644"/>
                    <a:pt x="437784" y="659306"/>
                    <a:pt x="379702" y="570451"/>
                  </a:cubicBezTo>
                  <a:cubicBezTo>
                    <a:pt x="259463" y="386424"/>
                    <a:pt x="150636" y="195875"/>
                    <a:pt x="35288" y="8791"/>
                  </a:cubicBezTo>
                  <a:cubicBezTo>
                    <a:pt x="22449" y="-11588"/>
                    <a:pt x="-9751" y="7161"/>
                    <a:pt x="2885" y="27541"/>
                  </a:cubicBezTo>
                  <a:lnTo>
                    <a:pt x="2885" y="27541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2" name="Freeform: Shape 21">
              <a:extLst>
                <a:ext uri="{FF2B5EF4-FFF2-40B4-BE49-F238E27FC236}">
                  <a16:creationId xmlns:a16="http://schemas.microsoft.com/office/drawing/2014/main" id="{7FF31C83-9929-4985-BEEA-C1C535C3D6CF}"/>
                </a:ext>
              </a:extLst>
            </p:cNvPr>
            <p:cNvSpPr/>
            <p:nvPr/>
          </p:nvSpPr>
          <p:spPr>
            <a:xfrm>
              <a:off x="11345328" y="3703811"/>
              <a:ext cx="879995" cy="764358"/>
            </a:xfrm>
            <a:custGeom>
              <a:avLst/>
              <a:gdLst>
                <a:gd name="connsiteX0" fmla="*/ 6086 w 879995"/>
                <a:gd name="connsiteY0" fmla="*/ 31014 h 764358"/>
                <a:gd name="connsiteX1" fmla="*/ 445469 w 879995"/>
                <a:gd name="connsiteY1" fmla="*/ 375428 h 764358"/>
                <a:gd name="connsiteX2" fmla="*/ 848779 w 879995"/>
                <a:gd name="connsiteY2" fmla="*/ 758359 h 764358"/>
                <a:gd name="connsiteX3" fmla="*/ 875069 w 879995"/>
                <a:gd name="connsiteY3" fmla="*/ 732070 h 764358"/>
                <a:gd name="connsiteX4" fmla="*/ 531266 w 879995"/>
                <a:gd name="connsiteY4" fmla="*/ 390509 h 764358"/>
                <a:gd name="connsiteX5" fmla="*/ 32172 w 879995"/>
                <a:gd name="connsiteY5" fmla="*/ 4928 h 764358"/>
                <a:gd name="connsiteX6" fmla="*/ 6086 w 879995"/>
                <a:gd name="connsiteY6" fmla="*/ 31014 h 764358"/>
                <a:gd name="connsiteX7" fmla="*/ 6086 w 879995"/>
                <a:gd name="connsiteY7" fmla="*/ 31014 h 76435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879995" h="764358">
                  <a:moveTo>
                    <a:pt x="6086" y="31014"/>
                  </a:moveTo>
                  <a:cubicBezTo>
                    <a:pt x="147316" y="152476"/>
                    <a:pt x="294049" y="267009"/>
                    <a:pt x="445469" y="375428"/>
                  </a:cubicBezTo>
                  <a:cubicBezTo>
                    <a:pt x="601576" y="487108"/>
                    <a:pt x="722426" y="615295"/>
                    <a:pt x="848779" y="758359"/>
                  </a:cubicBezTo>
                  <a:cubicBezTo>
                    <a:pt x="864675" y="776293"/>
                    <a:pt x="890965" y="750004"/>
                    <a:pt x="875069" y="732070"/>
                  </a:cubicBezTo>
                  <a:cubicBezTo>
                    <a:pt x="767261" y="609996"/>
                    <a:pt x="663733" y="486904"/>
                    <a:pt x="531266" y="390509"/>
                  </a:cubicBezTo>
                  <a:cubicBezTo>
                    <a:pt x="360894" y="266398"/>
                    <a:pt x="192355" y="142490"/>
                    <a:pt x="32172" y="4928"/>
                  </a:cubicBezTo>
                  <a:cubicBezTo>
                    <a:pt x="14442" y="-10968"/>
                    <a:pt x="-12052" y="15322"/>
                    <a:pt x="6086" y="31014"/>
                  </a:cubicBezTo>
                  <a:lnTo>
                    <a:pt x="6086" y="31014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3" name="Freeform: Shape 22">
              <a:extLst>
                <a:ext uri="{FF2B5EF4-FFF2-40B4-BE49-F238E27FC236}">
                  <a16:creationId xmlns:a16="http://schemas.microsoft.com/office/drawing/2014/main" id="{3ECD860E-64BE-4740-B45E-DF93D446DF4F}"/>
                </a:ext>
              </a:extLst>
            </p:cNvPr>
            <p:cNvSpPr/>
            <p:nvPr/>
          </p:nvSpPr>
          <p:spPr>
            <a:xfrm>
              <a:off x="11239302" y="4015204"/>
              <a:ext cx="970593" cy="453881"/>
            </a:xfrm>
            <a:custGeom>
              <a:avLst/>
              <a:gdLst>
                <a:gd name="connsiteX0" fmla="*/ 13271 w 970593"/>
                <a:gd name="connsiteY0" fmla="*/ 36523 h 453881"/>
                <a:gd name="connsiteX1" fmla="*/ 478332 w 970593"/>
                <a:gd name="connsiteY1" fmla="*/ 217086 h 453881"/>
                <a:gd name="connsiteX2" fmla="*/ 944004 w 970593"/>
                <a:gd name="connsiteY2" fmla="*/ 450227 h 453881"/>
                <a:gd name="connsiteX3" fmla="*/ 962753 w 970593"/>
                <a:gd name="connsiteY3" fmla="*/ 418028 h 453881"/>
                <a:gd name="connsiteX4" fmla="*/ 536414 w 970593"/>
                <a:gd name="connsiteY4" fmla="*/ 198744 h 453881"/>
                <a:gd name="connsiteX5" fmla="*/ 23257 w 970593"/>
                <a:gd name="connsiteY5" fmla="*/ 655 h 453881"/>
                <a:gd name="connsiteX6" fmla="*/ 13271 w 970593"/>
                <a:gd name="connsiteY6" fmla="*/ 36523 h 453881"/>
                <a:gd name="connsiteX7" fmla="*/ 13271 w 970593"/>
                <a:gd name="connsiteY7" fmla="*/ 36523 h 453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970593" h="453881">
                  <a:moveTo>
                    <a:pt x="13271" y="36523"/>
                  </a:moveTo>
                  <a:cubicBezTo>
                    <a:pt x="175492" y="76671"/>
                    <a:pt x="323244" y="156762"/>
                    <a:pt x="478332" y="217086"/>
                  </a:cubicBezTo>
                  <a:cubicBezTo>
                    <a:pt x="642591" y="281281"/>
                    <a:pt x="802366" y="342420"/>
                    <a:pt x="944004" y="450227"/>
                  </a:cubicBezTo>
                  <a:cubicBezTo>
                    <a:pt x="963161" y="464697"/>
                    <a:pt x="981502" y="432497"/>
                    <a:pt x="962753" y="418028"/>
                  </a:cubicBezTo>
                  <a:cubicBezTo>
                    <a:pt x="833751" y="319798"/>
                    <a:pt x="687630" y="254992"/>
                    <a:pt x="536414" y="198744"/>
                  </a:cubicBezTo>
                  <a:cubicBezTo>
                    <a:pt x="364818" y="135160"/>
                    <a:pt x="201782" y="44879"/>
                    <a:pt x="23257" y="655"/>
                  </a:cubicBezTo>
                  <a:cubicBezTo>
                    <a:pt x="-179" y="-5255"/>
                    <a:pt x="-9961" y="30613"/>
                    <a:pt x="13271" y="36523"/>
                  </a:cubicBezTo>
                  <a:lnTo>
                    <a:pt x="13271" y="36523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4" name="Freeform: Shape 23">
              <a:extLst>
                <a:ext uri="{FF2B5EF4-FFF2-40B4-BE49-F238E27FC236}">
                  <a16:creationId xmlns:a16="http://schemas.microsoft.com/office/drawing/2014/main" id="{FFDC15BE-3AC2-40FC-BDCB-95D853ADCDFE}"/>
                </a:ext>
              </a:extLst>
            </p:cNvPr>
            <p:cNvSpPr/>
            <p:nvPr/>
          </p:nvSpPr>
          <p:spPr>
            <a:xfrm>
              <a:off x="11926029" y="3314013"/>
              <a:ext cx="284246" cy="1128593"/>
            </a:xfrm>
            <a:custGeom>
              <a:avLst/>
              <a:gdLst>
                <a:gd name="connsiteX0" fmla="*/ 284178 w 284246"/>
                <a:gd name="connsiteY0" fmla="*/ 1110659 h 1128593"/>
                <a:gd name="connsiteX1" fmla="*/ 234452 w 284246"/>
                <a:gd name="connsiteY1" fmla="*/ 872626 h 1128593"/>
                <a:gd name="connsiteX2" fmla="*/ 173517 w 284246"/>
                <a:gd name="connsiteY2" fmla="*/ 585479 h 1128593"/>
                <a:gd name="connsiteX3" fmla="*/ 110340 w 284246"/>
                <a:gd name="connsiteY3" fmla="*/ 299758 h 1128593"/>
                <a:gd name="connsiteX4" fmla="*/ 37178 w 284246"/>
                <a:gd name="connsiteY4" fmla="*/ 12610 h 1128593"/>
                <a:gd name="connsiteX5" fmla="*/ 1310 w 284246"/>
                <a:gd name="connsiteY5" fmla="*/ 22392 h 1128593"/>
                <a:gd name="connsiteX6" fmla="*/ 126032 w 284246"/>
                <a:gd name="connsiteY6" fmla="*/ 540440 h 1128593"/>
                <a:gd name="connsiteX7" fmla="*/ 185948 w 284246"/>
                <a:gd name="connsiteY7" fmla="*/ 836962 h 1128593"/>
                <a:gd name="connsiteX8" fmla="*/ 246679 w 284246"/>
                <a:gd name="connsiteY8" fmla="*/ 1110455 h 1128593"/>
                <a:gd name="connsiteX9" fmla="*/ 284178 w 284246"/>
                <a:gd name="connsiteY9" fmla="*/ 1110659 h 1128593"/>
                <a:gd name="connsiteX10" fmla="*/ 284178 w 284246"/>
                <a:gd name="connsiteY10" fmla="*/ 1110659 h 1128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284246" h="1128593">
                  <a:moveTo>
                    <a:pt x="284178" y="1110659"/>
                  </a:moveTo>
                  <a:cubicBezTo>
                    <a:pt x="285808" y="1027918"/>
                    <a:pt x="258296" y="950680"/>
                    <a:pt x="234452" y="872626"/>
                  </a:cubicBezTo>
                  <a:cubicBezTo>
                    <a:pt x="206124" y="779492"/>
                    <a:pt x="193081" y="680855"/>
                    <a:pt x="173517" y="585479"/>
                  </a:cubicBezTo>
                  <a:cubicBezTo>
                    <a:pt x="153952" y="489899"/>
                    <a:pt x="129905" y="395338"/>
                    <a:pt x="110340" y="299758"/>
                  </a:cubicBezTo>
                  <a:cubicBezTo>
                    <a:pt x="90572" y="202547"/>
                    <a:pt x="72842" y="105337"/>
                    <a:pt x="37178" y="12610"/>
                  </a:cubicBezTo>
                  <a:cubicBezTo>
                    <a:pt x="28618" y="-9603"/>
                    <a:pt x="-7250" y="-25"/>
                    <a:pt x="1310" y="22392"/>
                  </a:cubicBezTo>
                  <a:cubicBezTo>
                    <a:pt x="64079" y="186244"/>
                    <a:pt x="89146" y="369252"/>
                    <a:pt x="126032" y="540440"/>
                  </a:cubicBezTo>
                  <a:cubicBezTo>
                    <a:pt x="147227" y="639077"/>
                    <a:pt x="164142" y="738529"/>
                    <a:pt x="185948" y="836962"/>
                  </a:cubicBezTo>
                  <a:cubicBezTo>
                    <a:pt x="206328" y="929078"/>
                    <a:pt x="248513" y="1014264"/>
                    <a:pt x="246679" y="1110455"/>
                  </a:cubicBezTo>
                  <a:cubicBezTo>
                    <a:pt x="246475" y="1134707"/>
                    <a:pt x="283770" y="1134503"/>
                    <a:pt x="284178" y="1110659"/>
                  </a:cubicBezTo>
                  <a:lnTo>
                    <a:pt x="284178" y="1110659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25" name="Graphic 154">
            <a:extLst>
              <a:ext uri="{FF2B5EF4-FFF2-40B4-BE49-F238E27FC236}">
                <a16:creationId xmlns:a16="http://schemas.microsoft.com/office/drawing/2014/main" id="{B31CE3C3-DB7A-4E06-9AA2-EEAA04A23463}"/>
              </a:ext>
            </a:extLst>
          </p:cNvPr>
          <p:cNvGrpSpPr/>
          <p:nvPr/>
        </p:nvGrpSpPr>
        <p:grpSpPr>
          <a:xfrm>
            <a:off x="9167261" y="3475651"/>
            <a:ext cx="1734184" cy="1380521"/>
            <a:chOff x="9167261" y="3475651"/>
            <a:chExt cx="1734184" cy="1380521"/>
          </a:xfrm>
        </p:grpSpPr>
        <p:sp>
          <p:nvSpPr>
            <p:cNvPr id="26" name="Freeform: Shape 25">
              <a:extLst>
                <a:ext uri="{FF2B5EF4-FFF2-40B4-BE49-F238E27FC236}">
                  <a16:creationId xmlns:a16="http://schemas.microsoft.com/office/drawing/2014/main" id="{D114148C-A5A8-4F19-B1BF-84CAB99B8F32}"/>
                </a:ext>
              </a:extLst>
            </p:cNvPr>
            <p:cNvSpPr/>
            <p:nvPr/>
          </p:nvSpPr>
          <p:spPr>
            <a:xfrm>
              <a:off x="9167261" y="3475651"/>
              <a:ext cx="1726833" cy="1380521"/>
            </a:xfrm>
            <a:custGeom>
              <a:avLst/>
              <a:gdLst>
                <a:gd name="connsiteX0" fmla="*/ 1726834 w 1726833"/>
                <a:gd name="connsiteY0" fmla="*/ 1380521 h 1380521"/>
                <a:gd name="connsiteX1" fmla="*/ 695820 w 1726833"/>
                <a:gd name="connsiteY1" fmla="*/ 1058460 h 1380521"/>
                <a:gd name="connsiteX2" fmla="*/ 287875 w 1726833"/>
                <a:gd name="connsiteY2" fmla="*/ 488963 h 1380521"/>
                <a:gd name="connsiteX3" fmla="*/ 0 w 1726833"/>
                <a:gd name="connsiteY3" fmla="*/ 14730 h 1380521"/>
                <a:gd name="connsiteX4" fmla="*/ 1726834 w 1726833"/>
                <a:gd name="connsiteY4" fmla="*/ 1380521 h 13805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726833" h="1380521">
                  <a:moveTo>
                    <a:pt x="1726834" y="1380521"/>
                  </a:moveTo>
                  <a:cubicBezTo>
                    <a:pt x="1402271" y="1347794"/>
                    <a:pt x="956387" y="1275252"/>
                    <a:pt x="695820" y="1058460"/>
                  </a:cubicBezTo>
                  <a:cubicBezTo>
                    <a:pt x="515090" y="905037"/>
                    <a:pt x="392728" y="691164"/>
                    <a:pt x="287875" y="488963"/>
                  </a:cubicBezTo>
                  <a:cubicBezTo>
                    <a:pt x="200116" y="326160"/>
                    <a:pt x="87759" y="177533"/>
                    <a:pt x="0" y="14730"/>
                  </a:cubicBezTo>
                  <a:cubicBezTo>
                    <a:pt x="796086" y="-102421"/>
                    <a:pt x="1725583" y="490839"/>
                    <a:pt x="1726834" y="1380521"/>
                  </a:cubicBezTo>
                </a:path>
              </a:pathLst>
            </a:custGeom>
            <a:solidFill>
              <a:srgbClr val="11564F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7" name="Freeform: Shape 26">
              <a:extLst>
                <a:ext uri="{FF2B5EF4-FFF2-40B4-BE49-F238E27FC236}">
                  <a16:creationId xmlns:a16="http://schemas.microsoft.com/office/drawing/2014/main" id="{3BB5F1D1-BA24-4966-B717-00F7B8CC12AA}"/>
                </a:ext>
              </a:extLst>
            </p:cNvPr>
            <p:cNvSpPr/>
            <p:nvPr/>
          </p:nvSpPr>
          <p:spPr>
            <a:xfrm>
              <a:off x="9470928" y="3641271"/>
              <a:ext cx="1430516" cy="1197398"/>
            </a:xfrm>
            <a:custGeom>
              <a:avLst/>
              <a:gdLst>
                <a:gd name="connsiteX0" fmla="*/ 1426084 w 1430516"/>
                <a:gd name="connsiteY0" fmla="*/ 1163829 h 1197398"/>
                <a:gd name="connsiteX1" fmla="*/ 783629 w 1430516"/>
                <a:gd name="connsiteY1" fmla="*/ 612051 h 1197398"/>
                <a:gd name="connsiteX2" fmla="*/ 27774 w 1430516"/>
                <a:gd name="connsiteY2" fmla="*/ 3365 h 1197398"/>
                <a:gd name="connsiteX3" fmla="*/ 8596 w 1430516"/>
                <a:gd name="connsiteY3" fmla="*/ 36301 h 1197398"/>
                <a:gd name="connsiteX4" fmla="*/ 725887 w 1430516"/>
                <a:gd name="connsiteY4" fmla="*/ 616012 h 1197398"/>
                <a:gd name="connsiteX5" fmla="*/ 1399194 w 1430516"/>
                <a:gd name="connsiteY5" fmla="*/ 1190720 h 1197398"/>
                <a:gd name="connsiteX6" fmla="*/ 1426084 w 1430516"/>
                <a:gd name="connsiteY6" fmla="*/ 1163829 h 1197398"/>
                <a:gd name="connsiteX7" fmla="*/ 1426084 w 1430516"/>
                <a:gd name="connsiteY7" fmla="*/ 1163829 h 11973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430516" h="1197398">
                  <a:moveTo>
                    <a:pt x="1426084" y="1163829"/>
                  </a:moveTo>
                  <a:cubicBezTo>
                    <a:pt x="1250149" y="940784"/>
                    <a:pt x="1009384" y="780065"/>
                    <a:pt x="783629" y="612051"/>
                  </a:cubicBezTo>
                  <a:cubicBezTo>
                    <a:pt x="523895" y="418814"/>
                    <a:pt x="295221" y="186805"/>
                    <a:pt x="27774" y="3365"/>
                  </a:cubicBezTo>
                  <a:cubicBezTo>
                    <a:pt x="7554" y="-10601"/>
                    <a:pt x="-11624" y="22543"/>
                    <a:pt x="8596" y="36301"/>
                  </a:cubicBezTo>
                  <a:cubicBezTo>
                    <a:pt x="262910" y="210569"/>
                    <a:pt x="480953" y="429863"/>
                    <a:pt x="725887" y="616012"/>
                  </a:cubicBezTo>
                  <a:cubicBezTo>
                    <a:pt x="960398" y="794240"/>
                    <a:pt x="1214712" y="956834"/>
                    <a:pt x="1399194" y="1190720"/>
                  </a:cubicBezTo>
                  <a:cubicBezTo>
                    <a:pt x="1414411" y="1210106"/>
                    <a:pt x="1441093" y="1183007"/>
                    <a:pt x="1426084" y="1163829"/>
                  </a:cubicBezTo>
                  <a:lnTo>
                    <a:pt x="1426084" y="1163829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8" name="Freeform: Shape 27">
              <a:extLst>
                <a:ext uri="{FF2B5EF4-FFF2-40B4-BE49-F238E27FC236}">
                  <a16:creationId xmlns:a16="http://schemas.microsoft.com/office/drawing/2014/main" id="{5DD92B20-8CF7-46A2-8123-D8F7C497E832}"/>
                </a:ext>
              </a:extLst>
            </p:cNvPr>
            <p:cNvSpPr/>
            <p:nvPr/>
          </p:nvSpPr>
          <p:spPr>
            <a:xfrm>
              <a:off x="10419392" y="4372509"/>
              <a:ext cx="354555" cy="325891"/>
            </a:xfrm>
            <a:custGeom>
              <a:avLst/>
              <a:gdLst>
                <a:gd name="connsiteX0" fmla="*/ 18396 w 354555"/>
                <a:gd name="connsiteY0" fmla="*/ 316066 h 325891"/>
                <a:gd name="connsiteX1" fmla="*/ 335455 w 354555"/>
                <a:gd name="connsiteY1" fmla="*/ 325863 h 325891"/>
                <a:gd name="connsiteX2" fmla="*/ 354424 w 354555"/>
                <a:gd name="connsiteY2" fmla="*/ 306894 h 325891"/>
                <a:gd name="connsiteX3" fmla="*/ 312108 w 354555"/>
                <a:gd name="connsiteY3" fmla="*/ 8596 h 325891"/>
                <a:gd name="connsiteX4" fmla="*/ 279172 w 354555"/>
                <a:gd name="connsiteY4" fmla="*/ 27774 h 325891"/>
                <a:gd name="connsiteX5" fmla="*/ 316277 w 354555"/>
                <a:gd name="connsiteY5" fmla="*/ 306894 h 325891"/>
                <a:gd name="connsiteX6" fmla="*/ 335247 w 354555"/>
                <a:gd name="connsiteY6" fmla="*/ 287925 h 325891"/>
                <a:gd name="connsiteX7" fmla="*/ 18188 w 354555"/>
                <a:gd name="connsiteY7" fmla="*/ 278127 h 325891"/>
                <a:gd name="connsiteX8" fmla="*/ 18396 w 354555"/>
                <a:gd name="connsiteY8" fmla="*/ 316066 h 325891"/>
                <a:gd name="connsiteX9" fmla="*/ 18396 w 354555"/>
                <a:gd name="connsiteY9" fmla="*/ 316066 h 32589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54555" h="325891">
                  <a:moveTo>
                    <a:pt x="18396" y="316066"/>
                  </a:moveTo>
                  <a:cubicBezTo>
                    <a:pt x="123874" y="323570"/>
                    <a:pt x="229769" y="319610"/>
                    <a:pt x="335455" y="325863"/>
                  </a:cubicBezTo>
                  <a:cubicBezTo>
                    <a:pt x="344836" y="326489"/>
                    <a:pt x="355884" y="316691"/>
                    <a:pt x="354424" y="306894"/>
                  </a:cubicBezTo>
                  <a:cubicBezTo>
                    <a:pt x="340875" y="206211"/>
                    <a:pt x="373394" y="98023"/>
                    <a:pt x="312108" y="8596"/>
                  </a:cubicBezTo>
                  <a:cubicBezTo>
                    <a:pt x="298350" y="-11624"/>
                    <a:pt x="265206" y="7554"/>
                    <a:pt x="279172" y="27774"/>
                  </a:cubicBezTo>
                  <a:cubicBezTo>
                    <a:pt x="335455" y="110113"/>
                    <a:pt x="303770" y="213924"/>
                    <a:pt x="316277" y="306894"/>
                  </a:cubicBezTo>
                  <a:cubicBezTo>
                    <a:pt x="322531" y="300640"/>
                    <a:pt x="328993" y="294178"/>
                    <a:pt x="335247" y="287925"/>
                  </a:cubicBezTo>
                  <a:cubicBezTo>
                    <a:pt x="229560" y="281671"/>
                    <a:pt x="123874" y="285632"/>
                    <a:pt x="18188" y="278127"/>
                  </a:cubicBezTo>
                  <a:cubicBezTo>
                    <a:pt x="-6201" y="276251"/>
                    <a:pt x="-5993" y="314398"/>
                    <a:pt x="18396" y="316066"/>
                  </a:cubicBezTo>
                  <a:lnTo>
                    <a:pt x="18396" y="31606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29" name="Freeform: Shape 28">
              <a:extLst>
                <a:ext uri="{FF2B5EF4-FFF2-40B4-BE49-F238E27FC236}">
                  <a16:creationId xmlns:a16="http://schemas.microsoft.com/office/drawing/2014/main" id="{C2D7D26D-28C3-4420-897F-5E2B52E2A043}"/>
                </a:ext>
              </a:extLst>
            </p:cNvPr>
            <p:cNvSpPr/>
            <p:nvPr/>
          </p:nvSpPr>
          <p:spPr>
            <a:xfrm>
              <a:off x="10118723" y="4162542"/>
              <a:ext cx="490559" cy="400638"/>
            </a:xfrm>
            <a:custGeom>
              <a:avLst/>
              <a:gdLst>
                <a:gd name="connsiteX0" fmla="*/ 18266 w 490559"/>
                <a:gd name="connsiteY0" fmla="*/ 354058 h 400638"/>
                <a:gd name="connsiteX1" fmla="*/ 466025 w 490559"/>
                <a:gd name="connsiteY1" fmla="*/ 400127 h 400638"/>
                <a:gd name="connsiteX2" fmla="*/ 490206 w 490559"/>
                <a:gd name="connsiteY2" fmla="*/ 381783 h 400638"/>
                <a:gd name="connsiteX3" fmla="*/ 405574 w 490559"/>
                <a:gd name="connsiteY3" fmla="*/ 9484 h 400638"/>
                <a:gd name="connsiteX4" fmla="*/ 372638 w 490559"/>
                <a:gd name="connsiteY4" fmla="*/ 28662 h 400638"/>
                <a:gd name="connsiteX5" fmla="*/ 452059 w 490559"/>
                <a:gd name="connsiteY5" fmla="*/ 381783 h 400638"/>
                <a:gd name="connsiteX6" fmla="*/ 476240 w 490559"/>
                <a:gd name="connsiteY6" fmla="*/ 363439 h 400638"/>
                <a:gd name="connsiteX7" fmla="*/ 18474 w 490559"/>
                <a:gd name="connsiteY7" fmla="*/ 316120 h 400638"/>
                <a:gd name="connsiteX8" fmla="*/ 18266 w 490559"/>
                <a:gd name="connsiteY8" fmla="*/ 354058 h 400638"/>
                <a:gd name="connsiteX9" fmla="*/ 18266 w 490559"/>
                <a:gd name="connsiteY9" fmla="*/ 354058 h 40063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90559" h="400638">
                  <a:moveTo>
                    <a:pt x="18266" y="354058"/>
                  </a:moveTo>
                  <a:cubicBezTo>
                    <a:pt x="169187" y="347596"/>
                    <a:pt x="318648" y="368233"/>
                    <a:pt x="466025" y="400127"/>
                  </a:cubicBezTo>
                  <a:cubicBezTo>
                    <a:pt x="478324" y="402837"/>
                    <a:pt x="489789" y="394499"/>
                    <a:pt x="490206" y="381783"/>
                  </a:cubicBezTo>
                  <a:cubicBezTo>
                    <a:pt x="494167" y="256919"/>
                    <a:pt x="464775" y="119548"/>
                    <a:pt x="405574" y="9484"/>
                  </a:cubicBezTo>
                  <a:cubicBezTo>
                    <a:pt x="393900" y="-12195"/>
                    <a:pt x="361173" y="7191"/>
                    <a:pt x="372638" y="28662"/>
                  </a:cubicBezTo>
                  <a:cubicBezTo>
                    <a:pt x="428504" y="132680"/>
                    <a:pt x="455811" y="264215"/>
                    <a:pt x="452059" y="381783"/>
                  </a:cubicBezTo>
                  <a:cubicBezTo>
                    <a:pt x="459980" y="375738"/>
                    <a:pt x="468110" y="369484"/>
                    <a:pt x="476240" y="363439"/>
                  </a:cubicBezTo>
                  <a:cubicBezTo>
                    <a:pt x="325736" y="330920"/>
                    <a:pt x="172730" y="309449"/>
                    <a:pt x="18474" y="316120"/>
                  </a:cubicBezTo>
                  <a:cubicBezTo>
                    <a:pt x="-6123" y="316954"/>
                    <a:pt x="-6123" y="355101"/>
                    <a:pt x="18266" y="354058"/>
                  </a:cubicBezTo>
                  <a:lnTo>
                    <a:pt x="18266" y="354058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0" name="Freeform: Shape 29">
              <a:extLst>
                <a:ext uri="{FF2B5EF4-FFF2-40B4-BE49-F238E27FC236}">
                  <a16:creationId xmlns:a16="http://schemas.microsoft.com/office/drawing/2014/main" id="{B79C4CC5-857F-4A62-A271-DA00E21D8B6A}"/>
                </a:ext>
              </a:extLst>
            </p:cNvPr>
            <p:cNvSpPr/>
            <p:nvPr/>
          </p:nvSpPr>
          <p:spPr>
            <a:xfrm>
              <a:off x="9921004" y="3898954"/>
              <a:ext cx="376821" cy="424839"/>
            </a:xfrm>
            <a:custGeom>
              <a:avLst/>
              <a:gdLst>
                <a:gd name="connsiteX0" fmla="*/ 18370 w 376821"/>
                <a:gd name="connsiteY0" fmla="*/ 424826 h 424839"/>
                <a:gd name="connsiteX1" fmla="*/ 353564 w 376821"/>
                <a:gd name="connsiteY1" fmla="*/ 418781 h 424839"/>
                <a:gd name="connsiteX2" fmla="*/ 371908 w 376821"/>
                <a:gd name="connsiteY2" fmla="*/ 404814 h 424839"/>
                <a:gd name="connsiteX3" fmla="*/ 299783 w 376821"/>
                <a:gd name="connsiteY3" fmla="*/ 9794 h 424839"/>
                <a:gd name="connsiteX4" fmla="*/ 266847 w 376821"/>
                <a:gd name="connsiteY4" fmla="*/ 28972 h 424839"/>
                <a:gd name="connsiteX5" fmla="*/ 336888 w 376821"/>
                <a:gd name="connsiteY5" fmla="*/ 324351 h 424839"/>
                <a:gd name="connsiteX6" fmla="*/ 337513 w 376821"/>
                <a:gd name="connsiteY6" fmla="*/ 373338 h 424839"/>
                <a:gd name="connsiteX7" fmla="*/ 242458 w 376821"/>
                <a:gd name="connsiteY7" fmla="*/ 380425 h 424839"/>
                <a:gd name="connsiteX8" fmla="*/ 18370 w 376821"/>
                <a:gd name="connsiteY8" fmla="*/ 386887 h 424839"/>
                <a:gd name="connsiteX9" fmla="*/ 18370 w 376821"/>
                <a:gd name="connsiteY9" fmla="*/ 424826 h 424839"/>
                <a:gd name="connsiteX10" fmla="*/ 18370 w 376821"/>
                <a:gd name="connsiteY10" fmla="*/ 424826 h 42483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376821" h="424839">
                  <a:moveTo>
                    <a:pt x="18370" y="424826"/>
                  </a:moveTo>
                  <a:cubicBezTo>
                    <a:pt x="130102" y="420657"/>
                    <a:pt x="241833" y="416905"/>
                    <a:pt x="353564" y="418781"/>
                  </a:cubicBezTo>
                  <a:cubicBezTo>
                    <a:pt x="361277" y="418989"/>
                    <a:pt x="370658" y="412944"/>
                    <a:pt x="371908" y="404814"/>
                  </a:cubicBezTo>
                  <a:cubicBezTo>
                    <a:pt x="390669" y="278908"/>
                    <a:pt x="353356" y="123401"/>
                    <a:pt x="299783" y="9794"/>
                  </a:cubicBezTo>
                  <a:cubicBezTo>
                    <a:pt x="289360" y="-12302"/>
                    <a:pt x="256425" y="6875"/>
                    <a:pt x="266847" y="28972"/>
                  </a:cubicBezTo>
                  <a:cubicBezTo>
                    <a:pt x="309372" y="119232"/>
                    <a:pt x="328967" y="225752"/>
                    <a:pt x="336888" y="324351"/>
                  </a:cubicBezTo>
                  <a:cubicBezTo>
                    <a:pt x="338139" y="340610"/>
                    <a:pt x="337930" y="356870"/>
                    <a:pt x="337513" y="373338"/>
                  </a:cubicBezTo>
                  <a:cubicBezTo>
                    <a:pt x="337096" y="386679"/>
                    <a:pt x="252464" y="380217"/>
                    <a:pt x="242458" y="380425"/>
                  </a:cubicBezTo>
                  <a:cubicBezTo>
                    <a:pt x="167623" y="381050"/>
                    <a:pt x="92997" y="384177"/>
                    <a:pt x="18370" y="386887"/>
                  </a:cubicBezTo>
                  <a:cubicBezTo>
                    <a:pt x="-6019" y="387721"/>
                    <a:pt x="-6227" y="425660"/>
                    <a:pt x="18370" y="424826"/>
                  </a:cubicBezTo>
                  <a:lnTo>
                    <a:pt x="18370" y="42482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1" name="Freeform: Shape 30">
              <a:extLst>
                <a:ext uri="{FF2B5EF4-FFF2-40B4-BE49-F238E27FC236}">
                  <a16:creationId xmlns:a16="http://schemas.microsoft.com/office/drawing/2014/main" id="{7763604D-D438-4F22-A870-60F25A3EB419}"/>
                </a:ext>
              </a:extLst>
            </p:cNvPr>
            <p:cNvSpPr/>
            <p:nvPr/>
          </p:nvSpPr>
          <p:spPr>
            <a:xfrm>
              <a:off x="9713697" y="3805537"/>
              <a:ext cx="344546" cy="309163"/>
            </a:xfrm>
            <a:custGeom>
              <a:avLst/>
              <a:gdLst>
                <a:gd name="connsiteX0" fmla="*/ 18474 w 344546"/>
                <a:gd name="connsiteY0" fmla="*/ 309164 h 309163"/>
                <a:gd name="connsiteX1" fmla="*/ 324277 w 344546"/>
                <a:gd name="connsiteY1" fmla="*/ 308955 h 309163"/>
                <a:gd name="connsiteX2" fmla="*/ 343246 w 344546"/>
                <a:gd name="connsiteY2" fmla="*/ 289986 h 309163"/>
                <a:gd name="connsiteX3" fmla="*/ 340744 w 344546"/>
                <a:gd name="connsiteY3" fmla="*/ 18370 h 309163"/>
                <a:gd name="connsiteX4" fmla="*/ 302597 w 344546"/>
                <a:gd name="connsiteY4" fmla="*/ 18370 h 309163"/>
                <a:gd name="connsiteX5" fmla="*/ 305099 w 344546"/>
                <a:gd name="connsiteY5" fmla="*/ 289986 h 309163"/>
                <a:gd name="connsiteX6" fmla="*/ 324068 w 344546"/>
                <a:gd name="connsiteY6" fmla="*/ 271016 h 309163"/>
                <a:gd name="connsiteX7" fmla="*/ 18266 w 344546"/>
                <a:gd name="connsiteY7" fmla="*/ 271225 h 309163"/>
                <a:gd name="connsiteX8" fmla="*/ 18474 w 344546"/>
                <a:gd name="connsiteY8" fmla="*/ 309164 h 309163"/>
                <a:gd name="connsiteX9" fmla="*/ 18474 w 344546"/>
                <a:gd name="connsiteY9" fmla="*/ 309164 h 3091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44546" h="309163">
                  <a:moveTo>
                    <a:pt x="18474" y="309164"/>
                  </a:moveTo>
                  <a:cubicBezTo>
                    <a:pt x="120408" y="309164"/>
                    <a:pt x="222342" y="303118"/>
                    <a:pt x="324277" y="308955"/>
                  </a:cubicBezTo>
                  <a:cubicBezTo>
                    <a:pt x="334908" y="309580"/>
                    <a:pt x="343037" y="299783"/>
                    <a:pt x="343246" y="289986"/>
                  </a:cubicBezTo>
                  <a:cubicBezTo>
                    <a:pt x="346164" y="199308"/>
                    <a:pt x="343663" y="108839"/>
                    <a:pt x="340744" y="18370"/>
                  </a:cubicBezTo>
                  <a:cubicBezTo>
                    <a:pt x="339911" y="-6019"/>
                    <a:pt x="301763" y="-6227"/>
                    <a:pt x="302597" y="18370"/>
                  </a:cubicBezTo>
                  <a:cubicBezTo>
                    <a:pt x="305516" y="109048"/>
                    <a:pt x="308017" y="199517"/>
                    <a:pt x="305099" y="289986"/>
                  </a:cubicBezTo>
                  <a:cubicBezTo>
                    <a:pt x="311352" y="283524"/>
                    <a:pt x="317814" y="277270"/>
                    <a:pt x="324068" y="271016"/>
                  </a:cubicBezTo>
                  <a:cubicBezTo>
                    <a:pt x="222134" y="265180"/>
                    <a:pt x="120200" y="271225"/>
                    <a:pt x="18266" y="271225"/>
                  </a:cubicBezTo>
                  <a:cubicBezTo>
                    <a:pt x="-6123" y="271016"/>
                    <a:pt x="-6123" y="309164"/>
                    <a:pt x="18474" y="309164"/>
                  </a:cubicBezTo>
                  <a:lnTo>
                    <a:pt x="18474" y="309164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2" name="Freeform: Shape 31">
              <a:extLst>
                <a:ext uri="{FF2B5EF4-FFF2-40B4-BE49-F238E27FC236}">
                  <a16:creationId xmlns:a16="http://schemas.microsoft.com/office/drawing/2014/main" id="{BE5ACC8D-6C3D-43C5-AC79-12763472D0A6}"/>
                </a:ext>
              </a:extLst>
            </p:cNvPr>
            <p:cNvSpPr/>
            <p:nvPr/>
          </p:nvSpPr>
          <p:spPr>
            <a:xfrm>
              <a:off x="9518610" y="3595780"/>
              <a:ext cx="260260" cy="296175"/>
            </a:xfrm>
            <a:custGeom>
              <a:avLst/>
              <a:gdLst>
                <a:gd name="connsiteX0" fmla="*/ 18240 w 260260"/>
                <a:gd name="connsiteY0" fmla="*/ 291914 h 296175"/>
                <a:gd name="connsiteX1" fmla="*/ 234198 w 260260"/>
                <a:gd name="connsiteY1" fmla="*/ 295875 h 296175"/>
                <a:gd name="connsiteX2" fmla="*/ 257545 w 260260"/>
                <a:gd name="connsiteY2" fmla="*/ 282534 h 296175"/>
                <a:gd name="connsiteX3" fmla="*/ 224609 w 260260"/>
                <a:gd name="connsiteY3" fmla="*/ 18214 h 296175"/>
                <a:gd name="connsiteX4" fmla="*/ 186462 w 260260"/>
                <a:gd name="connsiteY4" fmla="*/ 18214 h 296175"/>
                <a:gd name="connsiteX5" fmla="*/ 220857 w 260260"/>
                <a:gd name="connsiteY5" fmla="*/ 272528 h 296175"/>
                <a:gd name="connsiteX6" fmla="*/ 244204 w 260260"/>
                <a:gd name="connsiteY6" fmla="*/ 259187 h 296175"/>
                <a:gd name="connsiteX7" fmla="*/ 18031 w 260260"/>
                <a:gd name="connsiteY7" fmla="*/ 253975 h 296175"/>
                <a:gd name="connsiteX8" fmla="*/ 18240 w 260260"/>
                <a:gd name="connsiteY8" fmla="*/ 291914 h 296175"/>
                <a:gd name="connsiteX9" fmla="*/ 18240 w 260260"/>
                <a:gd name="connsiteY9" fmla="*/ 291914 h 29617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60260" h="296175">
                  <a:moveTo>
                    <a:pt x="18240" y="291914"/>
                  </a:moveTo>
                  <a:cubicBezTo>
                    <a:pt x="90573" y="284410"/>
                    <a:pt x="162282" y="284201"/>
                    <a:pt x="234198" y="295875"/>
                  </a:cubicBezTo>
                  <a:cubicBezTo>
                    <a:pt x="243370" y="297334"/>
                    <a:pt x="256086" y="293582"/>
                    <a:pt x="257545" y="282534"/>
                  </a:cubicBezTo>
                  <a:cubicBezTo>
                    <a:pt x="270678" y="190814"/>
                    <a:pt x="232322" y="108266"/>
                    <a:pt x="224609" y="18214"/>
                  </a:cubicBezTo>
                  <a:cubicBezTo>
                    <a:pt x="222525" y="-5967"/>
                    <a:pt x="184378" y="-6175"/>
                    <a:pt x="186462" y="18214"/>
                  </a:cubicBezTo>
                  <a:cubicBezTo>
                    <a:pt x="193758" y="103263"/>
                    <a:pt x="233364" y="186436"/>
                    <a:pt x="220857" y="272528"/>
                  </a:cubicBezTo>
                  <a:cubicBezTo>
                    <a:pt x="228778" y="268150"/>
                    <a:pt x="236491" y="263564"/>
                    <a:pt x="244204" y="259187"/>
                  </a:cubicBezTo>
                  <a:cubicBezTo>
                    <a:pt x="168744" y="246888"/>
                    <a:pt x="93909" y="245846"/>
                    <a:pt x="18031" y="253975"/>
                  </a:cubicBezTo>
                  <a:cubicBezTo>
                    <a:pt x="-5941" y="256477"/>
                    <a:pt x="-6149" y="294624"/>
                    <a:pt x="18240" y="291914"/>
                  </a:cubicBezTo>
                  <a:lnTo>
                    <a:pt x="18240" y="291914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3" name="Freeform: Shape 32">
              <a:extLst>
                <a:ext uri="{FF2B5EF4-FFF2-40B4-BE49-F238E27FC236}">
                  <a16:creationId xmlns:a16="http://schemas.microsoft.com/office/drawing/2014/main" id="{05140C40-D8B2-46BA-A7E1-1A4E69276E44}"/>
                </a:ext>
              </a:extLst>
            </p:cNvPr>
            <p:cNvSpPr/>
            <p:nvPr/>
          </p:nvSpPr>
          <p:spPr>
            <a:xfrm>
              <a:off x="9909618" y="374761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4" name="Freeform: Shape 33">
              <a:extLst>
                <a:ext uri="{FF2B5EF4-FFF2-40B4-BE49-F238E27FC236}">
                  <a16:creationId xmlns:a16="http://schemas.microsoft.com/office/drawing/2014/main" id="{93535D8B-26B9-4458-A6DF-65D0A24BADC3}"/>
                </a:ext>
              </a:extLst>
            </p:cNvPr>
            <p:cNvSpPr/>
            <p:nvPr/>
          </p:nvSpPr>
          <p:spPr>
            <a:xfrm>
              <a:off x="9842495" y="368757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5" name="Freeform: Shape 34">
              <a:extLst>
                <a:ext uri="{FF2B5EF4-FFF2-40B4-BE49-F238E27FC236}">
                  <a16:creationId xmlns:a16="http://schemas.microsoft.com/office/drawing/2014/main" id="{92AC001D-A9D4-4D05-A53A-35B8E00BB9B8}"/>
                </a:ext>
              </a:extLst>
            </p:cNvPr>
            <p:cNvSpPr/>
            <p:nvPr/>
          </p:nvSpPr>
          <p:spPr>
            <a:xfrm>
              <a:off x="9924209" y="3668192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6" name="Freeform: Shape 35">
              <a:extLst>
                <a:ext uri="{FF2B5EF4-FFF2-40B4-BE49-F238E27FC236}">
                  <a16:creationId xmlns:a16="http://schemas.microsoft.com/office/drawing/2014/main" id="{A58BBFED-785C-4EBE-8103-FEB169827FDB}"/>
                </a:ext>
              </a:extLst>
            </p:cNvPr>
            <p:cNvSpPr/>
            <p:nvPr/>
          </p:nvSpPr>
          <p:spPr>
            <a:xfrm>
              <a:off x="9786421" y="427687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7" name="Freeform: Shape 36">
              <a:extLst>
                <a:ext uri="{FF2B5EF4-FFF2-40B4-BE49-F238E27FC236}">
                  <a16:creationId xmlns:a16="http://schemas.microsoft.com/office/drawing/2014/main" id="{91ACA511-DB4C-4713-8033-A333D30E9BE1}"/>
                </a:ext>
              </a:extLst>
            </p:cNvPr>
            <p:cNvSpPr/>
            <p:nvPr/>
          </p:nvSpPr>
          <p:spPr>
            <a:xfrm>
              <a:off x="9711169" y="422163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8" name="Freeform: Shape 37">
              <a:extLst>
                <a:ext uri="{FF2B5EF4-FFF2-40B4-BE49-F238E27FC236}">
                  <a16:creationId xmlns:a16="http://schemas.microsoft.com/office/drawing/2014/main" id="{B0C8227A-E47C-46ED-8471-CE0F10A2059F}"/>
                </a:ext>
              </a:extLst>
            </p:cNvPr>
            <p:cNvSpPr/>
            <p:nvPr/>
          </p:nvSpPr>
          <p:spPr>
            <a:xfrm>
              <a:off x="9809351" y="419266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208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39" name="Freeform: Shape 38">
              <a:extLst>
                <a:ext uri="{FF2B5EF4-FFF2-40B4-BE49-F238E27FC236}">
                  <a16:creationId xmlns:a16="http://schemas.microsoft.com/office/drawing/2014/main" id="{6F75D72A-33D7-4871-A4E2-407D1AC40573}"/>
                </a:ext>
              </a:extLst>
            </p:cNvPr>
            <p:cNvSpPr/>
            <p:nvPr/>
          </p:nvSpPr>
          <p:spPr>
            <a:xfrm>
              <a:off x="9351378" y="3602737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40" name="Freeform: Shape 39">
              <a:extLst>
                <a:ext uri="{FF2B5EF4-FFF2-40B4-BE49-F238E27FC236}">
                  <a16:creationId xmlns:a16="http://schemas.microsoft.com/office/drawing/2014/main" id="{6F2E9B10-B592-412F-A2FA-DB088DDF1FC0}"/>
                </a:ext>
              </a:extLst>
            </p:cNvPr>
            <p:cNvSpPr/>
            <p:nvPr/>
          </p:nvSpPr>
          <p:spPr>
            <a:xfrm>
              <a:off x="9397863" y="3559796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41" name="Freeform: Shape 40">
              <a:extLst>
                <a:ext uri="{FF2B5EF4-FFF2-40B4-BE49-F238E27FC236}">
                  <a16:creationId xmlns:a16="http://schemas.microsoft.com/office/drawing/2014/main" id="{D237A3CB-E172-4D05-A50B-BBD285B7DCF9}"/>
                </a:ext>
              </a:extLst>
            </p:cNvPr>
            <p:cNvSpPr/>
            <p:nvPr/>
          </p:nvSpPr>
          <p:spPr>
            <a:xfrm>
              <a:off x="10271911" y="384600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42" name="Freeform: Shape 41">
              <a:extLst>
                <a:ext uri="{FF2B5EF4-FFF2-40B4-BE49-F238E27FC236}">
                  <a16:creationId xmlns:a16="http://schemas.microsoft.com/office/drawing/2014/main" id="{A86D0CF4-AF4B-41B0-9992-1B90AA7AD166}"/>
                </a:ext>
              </a:extLst>
            </p:cNvPr>
            <p:cNvSpPr/>
            <p:nvPr/>
          </p:nvSpPr>
          <p:spPr>
            <a:xfrm>
              <a:off x="10209583" y="3794307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43" name="Freeform: Shape 42">
              <a:extLst>
                <a:ext uri="{FF2B5EF4-FFF2-40B4-BE49-F238E27FC236}">
                  <a16:creationId xmlns:a16="http://schemas.microsoft.com/office/drawing/2014/main" id="{FF58084F-00A9-44A7-9890-06229A2AFF9A}"/>
                </a:ext>
              </a:extLst>
            </p:cNvPr>
            <p:cNvSpPr/>
            <p:nvPr/>
          </p:nvSpPr>
          <p:spPr>
            <a:xfrm>
              <a:off x="10067209" y="4547660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44" name="Freeform: Shape 43">
              <a:extLst>
                <a:ext uri="{FF2B5EF4-FFF2-40B4-BE49-F238E27FC236}">
                  <a16:creationId xmlns:a16="http://schemas.microsoft.com/office/drawing/2014/main" id="{5CEE918C-B7C5-42A4-96D7-A62E12F025A9}"/>
                </a:ext>
              </a:extLst>
            </p:cNvPr>
            <p:cNvSpPr/>
            <p:nvPr/>
          </p:nvSpPr>
          <p:spPr>
            <a:xfrm>
              <a:off x="9991332" y="4520144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pic>
        <p:nvPicPr>
          <p:cNvPr id="71" name="Graphic 70">
            <a:extLst>
              <a:ext uri="{FF2B5EF4-FFF2-40B4-BE49-F238E27FC236}">
                <a16:creationId xmlns:a16="http://schemas.microsoft.com/office/drawing/2014/main" id="{9FEF3030-06E7-4044-AE60-FEAC52AF481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=""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0746101" y="2605828"/>
            <a:ext cx="1433328" cy="961600"/>
          </a:xfrm>
          <a:prstGeom prst="rect">
            <a:avLst/>
          </a:prstGeom>
        </p:spPr>
      </p:pic>
      <p:grpSp>
        <p:nvGrpSpPr>
          <p:cNvPr id="72" name="Graphic 243">
            <a:extLst>
              <a:ext uri="{FF2B5EF4-FFF2-40B4-BE49-F238E27FC236}">
                <a16:creationId xmlns:a16="http://schemas.microsoft.com/office/drawing/2014/main" id="{712B6FDC-51F0-4948-A2D5-2A4A6500FB1B}"/>
              </a:ext>
            </a:extLst>
          </p:cNvPr>
          <p:cNvGrpSpPr/>
          <p:nvPr/>
        </p:nvGrpSpPr>
        <p:grpSpPr>
          <a:xfrm>
            <a:off x="10022800" y="5553654"/>
            <a:ext cx="1630724" cy="1255170"/>
            <a:chOff x="7982733" y="5589867"/>
            <a:chExt cx="1630724" cy="1255170"/>
          </a:xfrm>
        </p:grpSpPr>
        <p:sp>
          <p:nvSpPr>
            <p:cNvPr id="73" name="Freeform: Shape 72">
              <a:extLst>
                <a:ext uri="{FF2B5EF4-FFF2-40B4-BE49-F238E27FC236}">
                  <a16:creationId xmlns:a16="http://schemas.microsoft.com/office/drawing/2014/main" id="{8853DEAE-92C0-48B2-B2E8-06F271769B70}"/>
                </a:ext>
              </a:extLst>
            </p:cNvPr>
            <p:cNvSpPr/>
            <p:nvPr/>
          </p:nvSpPr>
          <p:spPr>
            <a:xfrm>
              <a:off x="7982733" y="5589867"/>
              <a:ext cx="1598486" cy="1219662"/>
            </a:xfrm>
            <a:custGeom>
              <a:avLst/>
              <a:gdLst>
                <a:gd name="connsiteX0" fmla="*/ 1598487 w 1598486"/>
                <a:gd name="connsiteY0" fmla="*/ 1219663 h 1219662"/>
                <a:gd name="connsiteX1" fmla="*/ 768595 w 1598486"/>
                <a:gd name="connsiteY1" fmla="*/ 1212352 h 1219662"/>
                <a:gd name="connsiteX2" fmla="*/ 449515 w 1598486"/>
                <a:gd name="connsiteY2" fmla="*/ 1085711 h 1219662"/>
                <a:gd name="connsiteX3" fmla="*/ 709165 w 1598486"/>
                <a:gd name="connsiteY3" fmla="*/ 993029 h 1219662"/>
                <a:gd name="connsiteX4" fmla="*/ 197175 w 1598486"/>
                <a:gd name="connsiteY4" fmla="*/ 831248 h 1219662"/>
                <a:gd name="connsiteX5" fmla="*/ 471683 w 1598486"/>
                <a:gd name="connsiteY5" fmla="*/ 662628 h 1219662"/>
                <a:gd name="connsiteX6" fmla="*/ 5679 w 1598486"/>
                <a:gd name="connsiteY6" fmla="*/ 216671 h 1219662"/>
                <a:gd name="connsiteX7" fmla="*/ 519557 w 1598486"/>
                <a:gd name="connsiteY7" fmla="*/ 386234 h 1219662"/>
                <a:gd name="connsiteX8" fmla="*/ 470504 w 1598486"/>
                <a:gd name="connsiteY8" fmla="*/ 3715 h 1219662"/>
                <a:gd name="connsiteX9" fmla="*/ 854909 w 1598486"/>
                <a:gd name="connsiteY9" fmla="*/ 444720 h 1219662"/>
                <a:gd name="connsiteX10" fmla="*/ 1007493 w 1598486"/>
                <a:gd name="connsiteY10" fmla="*/ 167854 h 1219662"/>
                <a:gd name="connsiteX11" fmla="*/ 1185781 w 1598486"/>
                <a:gd name="connsiteY11" fmla="*/ 552259 h 1219662"/>
                <a:gd name="connsiteX12" fmla="*/ 1389540 w 1598486"/>
                <a:gd name="connsiteY12" fmla="*/ 392129 h 1219662"/>
                <a:gd name="connsiteX13" fmla="*/ 1482694 w 1598486"/>
                <a:gd name="connsiteY13" fmla="*/ 756254 h 1219662"/>
                <a:gd name="connsiteX14" fmla="*/ 1598487 w 1598486"/>
                <a:gd name="connsiteY14" fmla="*/ 1219663 h 12196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1598486" h="1219662">
                  <a:moveTo>
                    <a:pt x="1598487" y="1219663"/>
                  </a:moveTo>
                  <a:cubicBezTo>
                    <a:pt x="1346147" y="1206221"/>
                    <a:pt x="981079" y="1226974"/>
                    <a:pt x="768595" y="1212352"/>
                  </a:cubicBezTo>
                  <a:cubicBezTo>
                    <a:pt x="703977" y="1211409"/>
                    <a:pt x="425224" y="1188062"/>
                    <a:pt x="449515" y="1085711"/>
                  </a:cubicBezTo>
                  <a:cubicBezTo>
                    <a:pt x="459891" y="1026988"/>
                    <a:pt x="663414" y="1003641"/>
                    <a:pt x="709165" y="993029"/>
                  </a:cubicBezTo>
                  <a:cubicBezTo>
                    <a:pt x="598560" y="898224"/>
                    <a:pt x="316977" y="931712"/>
                    <a:pt x="197175" y="831248"/>
                  </a:cubicBezTo>
                  <a:cubicBezTo>
                    <a:pt x="8038" y="674420"/>
                    <a:pt x="366738" y="695173"/>
                    <a:pt x="471683" y="662628"/>
                  </a:cubicBezTo>
                  <a:cubicBezTo>
                    <a:pt x="321694" y="536930"/>
                    <a:pt x="54261" y="390243"/>
                    <a:pt x="5679" y="216671"/>
                  </a:cubicBezTo>
                  <a:cubicBezTo>
                    <a:pt x="-53514" y="-2653"/>
                    <a:pt x="366030" y="245206"/>
                    <a:pt x="519557" y="386234"/>
                  </a:cubicBezTo>
                  <a:cubicBezTo>
                    <a:pt x="499983" y="302278"/>
                    <a:pt x="275471" y="-39207"/>
                    <a:pt x="470504" y="3715"/>
                  </a:cubicBezTo>
                  <a:cubicBezTo>
                    <a:pt x="629690" y="30835"/>
                    <a:pt x="743597" y="277751"/>
                    <a:pt x="854909" y="444720"/>
                  </a:cubicBezTo>
                  <a:cubicBezTo>
                    <a:pt x="874012" y="319729"/>
                    <a:pt x="842410" y="-91090"/>
                    <a:pt x="1007493" y="167854"/>
                  </a:cubicBezTo>
                  <a:cubicBezTo>
                    <a:pt x="1091213" y="285062"/>
                    <a:pt x="1121871" y="382460"/>
                    <a:pt x="1185781" y="552259"/>
                  </a:cubicBezTo>
                  <a:cubicBezTo>
                    <a:pt x="1251343" y="488820"/>
                    <a:pt x="1273747" y="274449"/>
                    <a:pt x="1389540" y="392129"/>
                  </a:cubicBezTo>
                  <a:cubicBezTo>
                    <a:pt x="1443781" y="451795"/>
                    <a:pt x="1472317" y="678193"/>
                    <a:pt x="1482694" y="756254"/>
                  </a:cubicBezTo>
                  <a:cubicBezTo>
                    <a:pt x="1508635" y="902941"/>
                    <a:pt x="1543538" y="1087833"/>
                    <a:pt x="1598487" y="1219663"/>
                  </a:cubicBezTo>
                </a:path>
              </a:pathLst>
            </a:custGeom>
            <a:solidFill>
              <a:srgbClr val="CFD690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74" name="Freeform: Shape 73">
              <a:extLst>
                <a:ext uri="{FF2B5EF4-FFF2-40B4-BE49-F238E27FC236}">
                  <a16:creationId xmlns:a16="http://schemas.microsoft.com/office/drawing/2014/main" id="{CFDE5B4E-289A-468C-BCA5-3F4AF664EC54}"/>
                </a:ext>
              </a:extLst>
            </p:cNvPr>
            <p:cNvSpPr/>
            <p:nvPr/>
          </p:nvSpPr>
          <p:spPr>
            <a:xfrm>
              <a:off x="8178631" y="5864164"/>
              <a:ext cx="1434826" cy="980872"/>
            </a:xfrm>
            <a:custGeom>
              <a:avLst/>
              <a:gdLst>
                <a:gd name="connsiteX0" fmla="*/ 1424757 w 1434826"/>
                <a:gd name="connsiteY0" fmla="*/ 940177 h 980872"/>
                <a:gd name="connsiteX1" fmla="*/ 32171 w 1434826"/>
                <a:gd name="connsiteY1" fmla="*/ 2982 h 980872"/>
                <a:gd name="connsiteX2" fmla="*/ 10474 w 1434826"/>
                <a:gd name="connsiteY2" fmla="*/ 40244 h 980872"/>
                <a:gd name="connsiteX3" fmla="*/ 1403061 w 1434826"/>
                <a:gd name="connsiteY3" fmla="*/ 977439 h 980872"/>
                <a:gd name="connsiteX4" fmla="*/ 1424757 w 1434826"/>
                <a:gd name="connsiteY4" fmla="*/ 940177 h 980872"/>
                <a:gd name="connsiteX5" fmla="*/ 1424757 w 1434826"/>
                <a:gd name="connsiteY5" fmla="*/ 940177 h 98087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434826" h="980872">
                  <a:moveTo>
                    <a:pt x="1424757" y="940177"/>
                  </a:moveTo>
                  <a:cubicBezTo>
                    <a:pt x="950028" y="643501"/>
                    <a:pt x="518691" y="281499"/>
                    <a:pt x="32171" y="2982"/>
                  </a:cubicBezTo>
                  <a:cubicBezTo>
                    <a:pt x="8116" y="-10696"/>
                    <a:pt x="-13581" y="26329"/>
                    <a:pt x="10474" y="40244"/>
                  </a:cubicBezTo>
                  <a:cubicBezTo>
                    <a:pt x="496995" y="318761"/>
                    <a:pt x="928331" y="680762"/>
                    <a:pt x="1403061" y="977439"/>
                  </a:cubicBezTo>
                  <a:cubicBezTo>
                    <a:pt x="1426644" y="992296"/>
                    <a:pt x="1448104" y="955035"/>
                    <a:pt x="1424757" y="940177"/>
                  </a:cubicBezTo>
                  <a:lnTo>
                    <a:pt x="1424757" y="940177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75" name="Freeform: Shape 74">
              <a:extLst>
                <a:ext uri="{FF2B5EF4-FFF2-40B4-BE49-F238E27FC236}">
                  <a16:creationId xmlns:a16="http://schemas.microsoft.com/office/drawing/2014/main" id="{40E2C9AC-4292-4374-9548-5C30600071D5}"/>
                </a:ext>
              </a:extLst>
            </p:cNvPr>
            <p:cNvSpPr/>
            <p:nvPr/>
          </p:nvSpPr>
          <p:spPr>
            <a:xfrm>
              <a:off x="8349663" y="5784809"/>
              <a:ext cx="528127" cy="613347"/>
            </a:xfrm>
            <a:custGeom>
              <a:avLst/>
              <a:gdLst>
                <a:gd name="connsiteX0" fmla="*/ 26692 w 528127"/>
                <a:gd name="connsiteY0" fmla="*/ 612488 h 613347"/>
                <a:gd name="connsiteX1" fmla="*/ 506138 w 528127"/>
                <a:gd name="connsiteY1" fmla="*/ 556360 h 613347"/>
                <a:gd name="connsiteX2" fmla="*/ 526892 w 528127"/>
                <a:gd name="connsiteY2" fmla="*/ 529003 h 613347"/>
                <a:gd name="connsiteX3" fmla="*/ 211820 w 528127"/>
                <a:gd name="connsiteY3" fmla="*/ 10173 h 613347"/>
                <a:gd name="connsiteX4" fmla="*/ 174559 w 528127"/>
                <a:gd name="connsiteY4" fmla="*/ 31870 h 613347"/>
                <a:gd name="connsiteX5" fmla="*/ 485385 w 528127"/>
                <a:gd name="connsiteY5" fmla="*/ 540559 h 613347"/>
                <a:gd name="connsiteX6" fmla="*/ 506138 w 528127"/>
                <a:gd name="connsiteY6" fmla="*/ 513202 h 613347"/>
                <a:gd name="connsiteX7" fmla="*/ 15373 w 528127"/>
                <a:gd name="connsiteY7" fmla="*/ 570981 h 613347"/>
                <a:gd name="connsiteX8" fmla="*/ 26692 w 528127"/>
                <a:gd name="connsiteY8" fmla="*/ 612488 h 613347"/>
                <a:gd name="connsiteX9" fmla="*/ 26692 w 528127"/>
                <a:gd name="connsiteY9" fmla="*/ 612488 h 61334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28127" h="613347">
                  <a:moveTo>
                    <a:pt x="26692" y="612488"/>
                  </a:moveTo>
                  <a:cubicBezTo>
                    <a:pt x="183049" y="570038"/>
                    <a:pt x="344830" y="560133"/>
                    <a:pt x="506138" y="556360"/>
                  </a:cubicBezTo>
                  <a:cubicBezTo>
                    <a:pt x="518873" y="556124"/>
                    <a:pt x="532316" y="542681"/>
                    <a:pt x="526892" y="529003"/>
                  </a:cubicBezTo>
                  <a:cubicBezTo>
                    <a:pt x="451897" y="343168"/>
                    <a:pt x="317001" y="179736"/>
                    <a:pt x="211820" y="10173"/>
                  </a:cubicBezTo>
                  <a:cubicBezTo>
                    <a:pt x="197199" y="-13410"/>
                    <a:pt x="159937" y="8287"/>
                    <a:pt x="174559" y="31870"/>
                  </a:cubicBezTo>
                  <a:cubicBezTo>
                    <a:pt x="277382" y="197895"/>
                    <a:pt x="411806" y="358497"/>
                    <a:pt x="485385" y="540559"/>
                  </a:cubicBezTo>
                  <a:cubicBezTo>
                    <a:pt x="492224" y="531361"/>
                    <a:pt x="499299" y="522400"/>
                    <a:pt x="506138" y="513202"/>
                  </a:cubicBezTo>
                  <a:cubicBezTo>
                    <a:pt x="341056" y="517212"/>
                    <a:pt x="175266" y="527588"/>
                    <a:pt x="15373" y="570981"/>
                  </a:cubicBezTo>
                  <a:cubicBezTo>
                    <a:pt x="-11512" y="578292"/>
                    <a:pt x="-192" y="619798"/>
                    <a:pt x="26692" y="612488"/>
                  </a:cubicBezTo>
                  <a:lnTo>
                    <a:pt x="26692" y="612488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76" name="Freeform: Shape 75">
              <a:extLst>
                <a:ext uri="{FF2B5EF4-FFF2-40B4-BE49-F238E27FC236}">
                  <a16:creationId xmlns:a16="http://schemas.microsoft.com/office/drawing/2014/main" id="{648EA499-0577-43DE-8CAC-5E8939B47749}"/>
                </a:ext>
              </a:extLst>
            </p:cNvPr>
            <p:cNvSpPr/>
            <p:nvPr/>
          </p:nvSpPr>
          <p:spPr>
            <a:xfrm>
              <a:off x="8710163" y="5950838"/>
              <a:ext cx="396569" cy="579954"/>
            </a:xfrm>
            <a:custGeom>
              <a:avLst/>
              <a:gdLst>
                <a:gd name="connsiteX0" fmla="*/ 27015 w 396569"/>
                <a:gd name="connsiteY0" fmla="*/ 579467 h 579954"/>
                <a:gd name="connsiteX1" fmla="*/ 380763 w 396569"/>
                <a:gd name="connsiteY1" fmla="*/ 545036 h 579954"/>
                <a:gd name="connsiteX2" fmla="*/ 396564 w 396569"/>
                <a:gd name="connsiteY2" fmla="*/ 524282 h 579954"/>
                <a:gd name="connsiteX3" fmla="*/ 278412 w 396569"/>
                <a:gd name="connsiteY3" fmla="*/ 15358 h 579954"/>
                <a:gd name="connsiteX4" fmla="*/ 236906 w 396569"/>
                <a:gd name="connsiteY4" fmla="*/ 26913 h 579954"/>
                <a:gd name="connsiteX5" fmla="*/ 339021 w 396569"/>
                <a:gd name="connsiteY5" fmla="*/ 405187 h 579954"/>
                <a:gd name="connsiteX6" fmla="*/ 352935 w 396569"/>
                <a:gd name="connsiteY6" fmla="*/ 501171 h 579954"/>
                <a:gd name="connsiteX7" fmla="*/ 213794 w 396569"/>
                <a:gd name="connsiteY7" fmla="*/ 516500 h 579954"/>
                <a:gd name="connsiteX8" fmla="*/ 15460 w 396569"/>
                <a:gd name="connsiteY8" fmla="*/ 538197 h 579954"/>
                <a:gd name="connsiteX9" fmla="*/ 27015 w 396569"/>
                <a:gd name="connsiteY9" fmla="*/ 579467 h 579954"/>
                <a:gd name="connsiteX10" fmla="*/ 27015 w 396569"/>
                <a:gd name="connsiteY10" fmla="*/ 579467 h 57995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396569" h="579954">
                  <a:moveTo>
                    <a:pt x="27015" y="579467"/>
                  </a:moveTo>
                  <a:cubicBezTo>
                    <a:pt x="143752" y="555884"/>
                    <a:pt x="263319" y="561780"/>
                    <a:pt x="380763" y="545036"/>
                  </a:cubicBezTo>
                  <a:cubicBezTo>
                    <a:pt x="389960" y="543856"/>
                    <a:pt x="396800" y="533008"/>
                    <a:pt x="396564" y="524282"/>
                  </a:cubicBezTo>
                  <a:cubicBezTo>
                    <a:pt x="391611" y="350003"/>
                    <a:pt x="318975" y="183034"/>
                    <a:pt x="278412" y="15358"/>
                  </a:cubicBezTo>
                  <a:cubicBezTo>
                    <a:pt x="271809" y="-11527"/>
                    <a:pt x="230302" y="-207"/>
                    <a:pt x="236906" y="26913"/>
                  </a:cubicBezTo>
                  <a:cubicBezTo>
                    <a:pt x="267800" y="153791"/>
                    <a:pt x="310721" y="277602"/>
                    <a:pt x="339021" y="405187"/>
                  </a:cubicBezTo>
                  <a:cubicBezTo>
                    <a:pt x="346096" y="436789"/>
                    <a:pt x="350105" y="468862"/>
                    <a:pt x="352935" y="501171"/>
                  </a:cubicBezTo>
                  <a:cubicBezTo>
                    <a:pt x="353878" y="512255"/>
                    <a:pt x="225821" y="516028"/>
                    <a:pt x="213794" y="516500"/>
                  </a:cubicBezTo>
                  <a:cubicBezTo>
                    <a:pt x="146818" y="519566"/>
                    <a:pt x="81257" y="524754"/>
                    <a:pt x="15460" y="538197"/>
                  </a:cubicBezTo>
                  <a:cubicBezTo>
                    <a:pt x="-11661" y="543385"/>
                    <a:pt x="-105" y="584891"/>
                    <a:pt x="27015" y="579467"/>
                  </a:cubicBezTo>
                  <a:lnTo>
                    <a:pt x="27015" y="579467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77" name="Freeform: Shape 76">
              <a:extLst>
                <a:ext uri="{FF2B5EF4-FFF2-40B4-BE49-F238E27FC236}">
                  <a16:creationId xmlns:a16="http://schemas.microsoft.com/office/drawing/2014/main" id="{883D7761-F95E-4171-B931-9777D7CDA1D9}"/>
                </a:ext>
              </a:extLst>
            </p:cNvPr>
            <p:cNvSpPr/>
            <p:nvPr/>
          </p:nvSpPr>
          <p:spPr>
            <a:xfrm>
              <a:off x="8916292" y="6173899"/>
              <a:ext cx="458094" cy="550259"/>
            </a:xfrm>
            <a:custGeom>
              <a:avLst/>
              <a:gdLst>
                <a:gd name="connsiteX0" fmla="*/ 20871 w 458094"/>
                <a:gd name="connsiteY0" fmla="*/ 550260 h 550259"/>
                <a:gd name="connsiteX1" fmla="*/ 436878 w 458094"/>
                <a:gd name="connsiteY1" fmla="*/ 541534 h 550259"/>
                <a:gd name="connsiteX2" fmla="*/ 457632 w 458094"/>
                <a:gd name="connsiteY2" fmla="*/ 514177 h 550259"/>
                <a:gd name="connsiteX3" fmla="*/ 389476 w 458094"/>
                <a:gd name="connsiteY3" fmla="*/ 15629 h 550259"/>
                <a:gd name="connsiteX4" fmla="*/ 347970 w 458094"/>
                <a:gd name="connsiteY4" fmla="*/ 27185 h 550259"/>
                <a:gd name="connsiteX5" fmla="*/ 416125 w 458094"/>
                <a:gd name="connsiteY5" fmla="*/ 525733 h 550259"/>
                <a:gd name="connsiteX6" fmla="*/ 436878 w 458094"/>
                <a:gd name="connsiteY6" fmla="*/ 498377 h 550259"/>
                <a:gd name="connsiteX7" fmla="*/ 20871 w 458094"/>
                <a:gd name="connsiteY7" fmla="*/ 507102 h 550259"/>
                <a:gd name="connsiteX8" fmla="*/ 20871 w 458094"/>
                <a:gd name="connsiteY8" fmla="*/ 550260 h 550259"/>
                <a:gd name="connsiteX9" fmla="*/ 20871 w 458094"/>
                <a:gd name="connsiteY9" fmla="*/ 550260 h 5502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58094" h="550259">
                  <a:moveTo>
                    <a:pt x="20871" y="550260"/>
                  </a:moveTo>
                  <a:cubicBezTo>
                    <a:pt x="159540" y="550260"/>
                    <a:pt x="298209" y="548609"/>
                    <a:pt x="436878" y="541534"/>
                  </a:cubicBezTo>
                  <a:cubicBezTo>
                    <a:pt x="451736" y="540826"/>
                    <a:pt x="460226" y="528327"/>
                    <a:pt x="457632" y="514177"/>
                  </a:cubicBezTo>
                  <a:cubicBezTo>
                    <a:pt x="427209" y="349095"/>
                    <a:pt x="412116" y="181891"/>
                    <a:pt x="389476" y="15629"/>
                  </a:cubicBezTo>
                  <a:cubicBezTo>
                    <a:pt x="385703" y="-11727"/>
                    <a:pt x="344196" y="-172"/>
                    <a:pt x="347970" y="27185"/>
                  </a:cubicBezTo>
                  <a:cubicBezTo>
                    <a:pt x="370610" y="193446"/>
                    <a:pt x="385703" y="360651"/>
                    <a:pt x="416125" y="525733"/>
                  </a:cubicBezTo>
                  <a:cubicBezTo>
                    <a:pt x="422964" y="516536"/>
                    <a:pt x="430039" y="507574"/>
                    <a:pt x="436878" y="498377"/>
                  </a:cubicBezTo>
                  <a:cubicBezTo>
                    <a:pt x="298209" y="505452"/>
                    <a:pt x="159540" y="507102"/>
                    <a:pt x="20871" y="507102"/>
                  </a:cubicBezTo>
                  <a:cubicBezTo>
                    <a:pt x="-6957" y="507102"/>
                    <a:pt x="-6957" y="550260"/>
                    <a:pt x="20871" y="550260"/>
                  </a:cubicBezTo>
                  <a:lnTo>
                    <a:pt x="20871" y="550260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78" name="Graphic 143">
            <a:extLst>
              <a:ext uri="{FF2B5EF4-FFF2-40B4-BE49-F238E27FC236}">
                <a16:creationId xmlns:a16="http://schemas.microsoft.com/office/drawing/2014/main" id="{8B97A4C2-3300-4A68-B6A1-27730643047E}"/>
              </a:ext>
            </a:extLst>
          </p:cNvPr>
          <p:cNvGrpSpPr/>
          <p:nvPr/>
        </p:nvGrpSpPr>
        <p:grpSpPr>
          <a:xfrm flipH="1">
            <a:off x="-166391" y="3206820"/>
            <a:ext cx="1876002" cy="3664187"/>
            <a:chOff x="10445531" y="3270549"/>
            <a:chExt cx="1876002" cy="3664187"/>
          </a:xfrm>
        </p:grpSpPr>
        <p:sp>
          <p:nvSpPr>
            <p:cNvPr id="79" name="Freeform: Shape 78">
              <a:extLst>
                <a:ext uri="{FF2B5EF4-FFF2-40B4-BE49-F238E27FC236}">
                  <a16:creationId xmlns:a16="http://schemas.microsoft.com/office/drawing/2014/main" id="{EA1968D9-6616-4DDD-99D7-AF9045A5B776}"/>
                </a:ext>
              </a:extLst>
            </p:cNvPr>
            <p:cNvSpPr/>
            <p:nvPr/>
          </p:nvSpPr>
          <p:spPr>
            <a:xfrm>
              <a:off x="10445531" y="3270549"/>
              <a:ext cx="1876002" cy="3650892"/>
            </a:xfrm>
            <a:custGeom>
              <a:avLst/>
              <a:gdLst>
                <a:gd name="connsiteX0" fmla="*/ 1562850 w 1876002"/>
                <a:gd name="connsiteY0" fmla="*/ 3650892 h 3650892"/>
                <a:gd name="connsiteX1" fmla="*/ 6436 w 1876002"/>
                <a:gd name="connsiteY1" fmla="*/ 1834145 h 3650892"/>
                <a:gd name="connsiteX2" fmla="*/ 47444 w 1876002"/>
                <a:gd name="connsiteY2" fmla="*/ 9941 h 3650892"/>
                <a:gd name="connsiteX3" fmla="*/ 49100 w 1876002"/>
                <a:gd name="connsiteY3" fmla="*/ 0 h 3650892"/>
                <a:gd name="connsiteX4" fmla="*/ 1624361 w 1876002"/>
                <a:gd name="connsiteY4" fmla="*/ 1400462 h 3650892"/>
                <a:gd name="connsiteX5" fmla="*/ 1674481 w 1876002"/>
                <a:gd name="connsiteY5" fmla="*/ 3352658 h 3650892"/>
                <a:gd name="connsiteX6" fmla="*/ 1562850 w 1876002"/>
                <a:gd name="connsiteY6" fmla="*/ 3650892 h 36508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876002" h="3650892">
                  <a:moveTo>
                    <a:pt x="1562850" y="3650892"/>
                  </a:moveTo>
                  <a:cubicBezTo>
                    <a:pt x="514885" y="3556451"/>
                    <a:pt x="37088" y="2504345"/>
                    <a:pt x="6436" y="1834145"/>
                  </a:cubicBezTo>
                  <a:cubicBezTo>
                    <a:pt x="-2884" y="1525761"/>
                    <a:pt x="-10547" y="51363"/>
                    <a:pt x="47444" y="9941"/>
                  </a:cubicBezTo>
                  <a:cubicBezTo>
                    <a:pt x="49100" y="0"/>
                    <a:pt x="49100" y="0"/>
                    <a:pt x="49100" y="0"/>
                  </a:cubicBezTo>
                  <a:cubicBezTo>
                    <a:pt x="680572" y="259713"/>
                    <a:pt x="1247011" y="846034"/>
                    <a:pt x="1624361" y="1400462"/>
                  </a:cubicBezTo>
                  <a:cubicBezTo>
                    <a:pt x="2023043" y="2009772"/>
                    <a:pt x="1876204" y="2701097"/>
                    <a:pt x="1674481" y="3352658"/>
                  </a:cubicBezTo>
                  <a:cubicBezTo>
                    <a:pt x="1647764" y="3450412"/>
                    <a:pt x="1612763" y="3536569"/>
                    <a:pt x="1562850" y="3650892"/>
                  </a:cubicBezTo>
                </a:path>
              </a:pathLst>
            </a:custGeom>
            <a:solidFill>
              <a:srgbClr val="459B97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0" name="Freeform: Shape 79">
              <a:extLst>
                <a:ext uri="{FF2B5EF4-FFF2-40B4-BE49-F238E27FC236}">
                  <a16:creationId xmlns:a16="http://schemas.microsoft.com/office/drawing/2014/main" id="{9FEEFF98-DE6B-42BA-A6F6-4F95BCE8806F}"/>
                </a:ext>
              </a:extLst>
            </p:cNvPr>
            <p:cNvSpPr/>
            <p:nvPr/>
          </p:nvSpPr>
          <p:spPr>
            <a:xfrm>
              <a:off x="10625392" y="3521682"/>
              <a:ext cx="1371735" cy="3413054"/>
            </a:xfrm>
            <a:custGeom>
              <a:avLst/>
              <a:gdLst>
                <a:gd name="connsiteX0" fmla="*/ 1788 w 1371735"/>
                <a:gd name="connsiteY0" fmla="*/ 28876 h 3413054"/>
                <a:gd name="connsiteX1" fmla="*/ 431743 w 1371735"/>
                <a:gd name="connsiteY1" fmla="*/ 788961 h 3413054"/>
                <a:gd name="connsiteX2" fmla="*/ 772228 w 1371735"/>
                <a:gd name="connsiteY2" fmla="*/ 1701063 h 3413054"/>
                <a:gd name="connsiteX3" fmla="*/ 1052652 w 1371735"/>
                <a:gd name="connsiteY3" fmla="*/ 2576713 h 3413054"/>
                <a:gd name="connsiteX4" fmla="*/ 1337011 w 1371735"/>
                <a:gd name="connsiteY4" fmla="*/ 3404108 h 3413054"/>
                <a:gd name="connsiteX5" fmla="*/ 1369734 w 1371735"/>
                <a:gd name="connsiteY5" fmla="*/ 3385055 h 3413054"/>
                <a:gd name="connsiteX6" fmla="*/ 1361449 w 1371735"/>
                <a:gd name="connsiteY6" fmla="*/ 3373456 h 3413054"/>
                <a:gd name="connsiteX7" fmla="*/ 1328726 w 1371735"/>
                <a:gd name="connsiteY7" fmla="*/ 3392510 h 3413054"/>
                <a:gd name="connsiteX8" fmla="*/ 1337011 w 1371735"/>
                <a:gd name="connsiteY8" fmla="*/ 3404108 h 3413054"/>
                <a:gd name="connsiteX9" fmla="*/ 1369734 w 1371735"/>
                <a:gd name="connsiteY9" fmla="*/ 3385055 h 3413054"/>
                <a:gd name="connsiteX10" fmla="*/ 1073570 w 1371735"/>
                <a:gd name="connsiteY10" fmla="*/ 2513546 h 3413054"/>
                <a:gd name="connsiteX11" fmla="*/ 790247 w 1371735"/>
                <a:gd name="connsiteY11" fmla="*/ 1635617 h 3413054"/>
                <a:gd name="connsiteX12" fmla="*/ 464673 w 1371735"/>
                <a:gd name="connsiteY12" fmla="*/ 769907 h 3413054"/>
                <a:gd name="connsiteX13" fmla="*/ 34718 w 1371735"/>
                <a:gd name="connsiteY13" fmla="*/ 9822 h 3413054"/>
                <a:gd name="connsiteX14" fmla="*/ 1788 w 1371735"/>
                <a:gd name="connsiteY14" fmla="*/ 28876 h 3413054"/>
                <a:gd name="connsiteX15" fmla="*/ 1788 w 1371735"/>
                <a:gd name="connsiteY15" fmla="*/ 28876 h 341305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371735" h="3413054">
                  <a:moveTo>
                    <a:pt x="1788" y="28876"/>
                  </a:moveTo>
                  <a:cubicBezTo>
                    <a:pt x="119011" y="296666"/>
                    <a:pt x="297330" y="530284"/>
                    <a:pt x="431743" y="788961"/>
                  </a:cubicBezTo>
                  <a:cubicBezTo>
                    <a:pt x="580861" y="1075805"/>
                    <a:pt x="669296" y="1395786"/>
                    <a:pt x="772228" y="1701063"/>
                  </a:cubicBezTo>
                  <a:cubicBezTo>
                    <a:pt x="870190" y="1992049"/>
                    <a:pt x="966288" y="2281999"/>
                    <a:pt x="1052652" y="2576713"/>
                  </a:cubicBezTo>
                  <a:cubicBezTo>
                    <a:pt x="1134666" y="2856723"/>
                    <a:pt x="1219995" y="3136318"/>
                    <a:pt x="1337011" y="3404108"/>
                  </a:cubicBezTo>
                  <a:cubicBezTo>
                    <a:pt x="1347987" y="3397688"/>
                    <a:pt x="1358757" y="3391475"/>
                    <a:pt x="1369734" y="3385055"/>
                  </a:cubicBezTo>
                  <a:cubicBezTo>
                    <a:pt x="1367041" y="3381120"/>
                    <a:pt x="1364142" y="3377391"/>
                    <a:pt x="1361449" y="3373456"/>
                  </a:cubicBezTo>
                  <a:cubicBezTo>
                    <a:pt x="1347366" y="3353781"/>
                    <a:pt x="1314643" y="3372628"/>
                    <a:pt x="1328726" y="3392510"/>
                  </a:cubicBezTo>
                  <a:cubicBezTo>
                    <a:pt x="1331419" y="3396445"/>
                    <a:pt x="1334318" y="3400173"/>
                    <a:pt x="1337011" y="3404108"/>
                  </a:cubicBezTo>
                  <a:cubicBezTo>
                    <a:pt x="1351301" y="3424198"/>
                    <a:pt x="1379468" y="3407215"/>
                    <a:pt x="1369734" y="3385055"/>
                  </a:cubicBezTo>
                  <a:cubicBezTo>
                    <a:pt x="1246505" y="3103388"/>
                    <a:pt x="1159726" y="2808053"/>
                    <a:pt x="1073570" y="2513546"/>
                  </a:cubicBezTo>
                  <a:cubicBezTo>
                    <a:pt x="986999" y="2217796"/>
                    <a:pt x="888208" y="1927638"/>
                    <a:pt x="790247" y="1635617"/>
                  </a:cubicBezTo>
                  <a:cubicBezTo>
                    <a:pt x="692492" y="1344216"/>
                    <a:pt x="603435" y="1044946"/>
                    <a:pt x="464673" y="769907"/>
                  </a:cubicBezTo>
                  <a:cubicBezTo>
                    <a:pt x="333160" y="509573"/>
                    <a:pt x="152148" y="277819"/>
                    <a:pt x="34718" y="9822"/>
                  </a:cubicBezTo>
                  <a:cubicBezTo>
                    <a:pt x="24777" y="-12338"/>
                    <a:pt x="-7946" y="6923"/>
                    <a:pt x="1788" y="28876"/>
                  </a:cubicBezTo>
                  <a:lnTo>
                    <a:pt x="1788" y="28876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1" name="Freeform: Shape 80">
              <a:extLst>
                <a:ext uri="{FF2B5EF4-FFF2-40B4-BE49-F238E27FC236}">
                  <a16:creationId xmlns:a16="http://schemas.microsoft.com/office/drawing/2014/main" id="{B195D8F4-7CAF-4241-978B-C7D5B91CFDE8}"/>
                </a:ext>
              </a:extLst>
            </p:cNvPr>
            <p:cNvSpPr/>
            <p:nvPr/>
          </p:nvSpPr>
          <p:spPr>
            <a:xfrm>
              <a:off x="10568388" y="3758960"/>
              <a:ext cx="463768" cy="390574"/>
            </a:xfrm>
            <a:custGeom>
              <a:avLst/>
              <a:gdLst>
                <a:gd name="connsiteX0" fmla="*/ 8672 w 463768"/>
                <a:gd name="connsiteY0" fmla="*/ 198150 h 390574"/>
                <a:gd name="connsiteX1" fmla="*/ 410874 w 463768"/>
                <a:gd name="connsiteY1" fmla="*/ 389725 h 390574"/>
                <a:gd name="connsiteX2" fmla="*/ 434899 w 463768"/>
                <a:gd name="connsiteY2" fmla="*/ 371499 h 390574"/>
                <a:gd name="connsiteX3" fmla="*/ 463687 w 463768"/>
                <a:gd name="connsiteY3" fmla="*/ 18174 h 390574"/>
                <a:gd name="connsiteX4" fmla="*/ 425786 w 463768"/>
                <a:gd name="connsiteY4" fmla="*/ 18174 h 390574"/>
                <a:gd name="connsiteX5" fmla="*/ 396998 w 463768"/>
                <a:gd name="connsiteY5" fmla="*/ 371499 h 390574"/>
                <a:gd name="connsiteX6" fmla="*/ 421023 w 463768"/>
                <a:gd name="connsiteY6" fmla="*/ 353274 h 390574"/>
                <a:gd name="connsiteX7" fmla="*/ 27725 w 463768"/>
                <a:gd name="connsiteY7" fmla="*/ 165634 h 390574"/>
                <a:gd name="connsiteX8" fmla="*/ 8672 w 463768"/>
                <a:gd name="connsiteY8" fmla="*/ 198150 h 390574"/>
                <a:gd name="connsiteX9" fmla="*/ 8672 w 463768"/>
                <a:gd name="connsiteY9" fmla="*/ 198150 h 39057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63768" h="390574">
                  <a:moveTo>
                    <a:pt x="8672" y="198150"/>
                  </a:moveTo>
                  <a:cubicBezTo>
                    <a:pt x="132936" y="280786"/>
                    <a:pt x="269834" y="342090"/>
                    <a:pt x="410874" y="389725"/>
                  </a:cubicBezTo>
                  <a:cubicBezTo>
                    <a:pt x="422680" y="393660"/>
                    <a:pt x="434692" y="383304"/>
                    <a:pt x="434899" y="371499"/>
                  </a:cubicBezTo>
                  <a:cubicBezTo>
                    <a:pt x="435106" y="253034"/>
                    <a:pt x="453746" y="136018"/>
                    <a:pt x="463687" y="18174"/>
                  </a:cubicBezTo>
                  <a:cubicBezTo>
                    <a:pt x="465758" y="-6058"/>
                    <a:pt x="427857" y="-6058"/>
                    <a:pt x="425786" y="18174"/>
                  </a:cubicBezTo>
                  <a:cubicBezTo>
                    <a:pt x="415845" y="136018"/>
                    <a:pt x="397205" y="253034"/>
                    <a:pt x="396998" y="371499"/>
                  </a:cubicBezTo>
                  <a:cubicBezTo>
                    <a:pt x="404868" y="365493"/>
                    <a:pt x="412946" y="359280"/>
                    <a:pt x="421023" y="353274"/>
                  </a:cubicBezTo>
                  <a:cubicBezTo>
                    <a:pt x="282882" y="306675"/>
                    <a:pt x="149505" y="246406"/>
                    <a:pt x="27725" y="165634"/>
                  </a:cubicBezTo>
                  <a:cubicBezTo>
                    <a:pt x="7429" y="151965"/>
                    <a:pt x="-11625" y="184688"/>
                    <a:pt x="8672" y="198150"/>
                  </a:cubicBezTo>
                  <a:lnTo>
                    <a:pt x="8672" y="198150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2" name="Freeform: Shape 81">
              <a:extLst>
                <a:ext uri="{FF2B5EF4-FFF2-40B4-BE49-F238E27FC236}">
                  <a16:creationId xmlns:a16="http://schemas.microsoft.com/office/drawing/2014/main" id="{82C07D56-0FED-499C-B5C6-A5F5ED65B5D8}"/>
                </a:ext>
              </a:extLst>
            </p:cNvPr>
            <p:cNvSpPr/>
            <p:nvPr/>
          </p:nvSpPr>
          <p:spPr>
            <a:xfrm>
              <a:off x="10574138" y="4118909"/>
              <a:ext cx="713804" cy="433172"/>
            </a:xfrm>
            <a:custGeom>
              <a:avLst/>
              <a:gdLst>
                <a:gd name="connsiteX0" fmla="*/ 8928 w 713804"/>
                <a:gd name="connsiteY0" fmla="*/ 166467 h 433172"/>
                <a:gd name="connsiteX1" fmla="*/ 608919 w 713804"/>
                <a:gd name="connsiteY1" fmla="*/ 431150 h 433172"/>
                <a:gd name="connsiteX2" fmla="*/ 636672 w 713804"/>
                <a:gd name="connsiteY2" fmla="*/ 419966 h 433172"/>
                <a:gd name="connsiteX3" fmla="*/ 713508 w 713804"/>
                <a:gd name="connsiteY3" fmla="*/ 23769 h 433172"/>
                <a:gd name="connsiteX4" fmla="*/ 677058 w 713804"/>
                <a:gd name="connsiteY4" fmla="*/ 13828 h 433172"/>
                <a:gd name="connsiteX5" fmla="*/ 600221 w 713804"/>
                <a:gd name="connsiteY5" fmla="*/ 410025 h 433172"/>
                <a:gd name="connsiteX6" fmla="*/ 627973 w 713804"/>
                <a:gd name="connsiteY6" fmla="*/ 398634 h 433172"/>
                <a:gd name="connsiteX7" fmla="*/ 28189 w 713804"/>
                <a:gd name="connsiteY7" fmla="*/ 133951 h 433172"/>
                <a:gd name="connsiteX8" fmla="*/ 8928 w 713804"/>
                <a:gd name="connsiteY8" fmla="*/ 166467 h 433172"/>
                <a:gd name="connsiteX9" fmla="*/ 8928 w 713804"/>
                <a:gd name="connsiteY9" fmla="*/ 166467 h 43317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713804" h="433172">
                  <a:moveTo>
                    <a:pt x="8928" y="166467"/>
                  </a:moveTo>
                  <a:cubicBezTo>
                    <a:pt x="195947" y="282033"/>
                    <a:pt x="408232" y="344579"/>
                    <a:pt x="608919" y="431150"/>
                  </a:cubicBezTo>
                  <a:cubicBezTo>
                    <a:pt x="619689" y="435706"/>
                    <a:pt x="633565" y="432807"/>
                    <a:pt x="636672" y="419966"/>
                  </a:cubicBezTo>
                  <a:cubicBezTo>
                    <a:pt x="668359" y="289074"/>
                    <a:pt x="691141" y="156525"/>
                    <a:pt x="713508" y="23769"/>
                  </a:cubicBezTo>
                  <a:cubicBezTo>
                    <a:pt x="717443" y="-48"/>
                    <a:pt x="680993" y="-10403"/>
                    <a:pt x="677058" y="13828"/>
                  </a:cubicBezTo>
                  <a:cubicBezTo>
                    <a:pt x="654690" y="146584"/>
                    <a:pt x="631908" y="279133"/>
                    <a:pt x="600221" y="410025"/>
                  </a:cubicBezTo>
                  <a:cubicBezTo>
                    <a:pt x="609540" y="406297"/>
                    <a:pt x="618860" y="402569"/>
                    <a:pt x="627973" y="398634"/>
                  </a:cubicBezTo>
                  <a:cubicBezTo>
                    <a:pt x="427493" y="312063"/>
                    <a:pt x="215000" y="249310"/>
                    <a:pt x="28189" y="133951"/>
                  </a:cubicBezTo>
                  <a:cubicBezTo>
                    <a:pt x="7272" y="120903"/>
                    <a:pt x="-11782" y="153626"/>
                    <a:pt x="8928" y="166467"/>
                  </a:cubicBezTo>
                  <a:lnTo>
                    <a:pt x="8928" y="166467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3" name="Freeform: Shape 82">
              <a:extLst>
                <a:ext uri="{FF2B5EF4-FFF2-40B4-BE49-F238E27FC236}">
                  <a16:creationId xmlns:a16="http://schemas.microsoft.com/office/drawing/2014/main" id="{20B87E71-58DD-4C8B-BD06-45BF40D8744F}"/>
                </a:ext>
              </a:extLst>
            </p:cNvPr>
            <p:cNvSpPr/>
            <p:nvPr/>
          </p:nvSpPr>
          <p:spPr>
            <a:xfrm>
              <a:off x="10548869" y="4399170"/>
              <a:ext cx="1008997" cy="611440"/>
            </a:xfrm>
            <a:custGeom>
              <a:avLst/>
              <a:gdLst>
                <a:gd name="connsiteX0" fmla="*/ 13279 w 1008997"/>
                <a:gd name="connsiteY0" fmla="*/ 282817 h 611440"/>
                <a:gd name="connsiteX1" fmla="*/ 807123 w 1008997"/>
                <a:gd name="connsiteY1" fmla="*/ 610668 h 611440"/>
                <a:gd name="connsiteX2" fmla="*/ 830319 w 1008997"/>
                <a:gd name="connsiteY2" fmla="*/ 597413 h 611440"/>
                <a:gd name="connsiteX3" fmla="*/ 1008638 w 1008997"/>
                <a:gd name="connsiteY3" fmla="*/ 23725 h 611440"/>
                <a:gd name="connsiteX4" fmla="*/ 972187 w 1008997"/>
                <a:gd name="connsiteY4" fmla="*/ 13577 h 611440"/>
                <a:gd name="connsiteX5" fmla="*/ 793868 w 1008997"/>
                <a:gd name="connsiteY5" fmla="*/ 587265 h 611440"/>
                <a:gd name="connsiteX6" fmla="*/ 817064 w 1008997"/>
                <a:gd name="connsiteY6" fmla="*/ 574010 h 611440"/>
                <a:gd name="connsiteX7" fmla="*/ 23427 w 1008997"/>
                <a:gd name="connsiteY7" fmla="*/ 246366 h 611440"/>
                <a:gd name="connsiteX8" fmla="*/ 13279 w 1008997"/>
                <a:gd name="connsiteY8" fmla="*/ 282817 h 611440"/>
                <a:gd name="connsiteX9" fmla="*/ 13279 w 1008997"/>
                <a:gd name="connsiteY9" fmla="*/ 282817 h 6114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1008997" h="611440">
                  <a:moveTo>
                    <a:pt x="13279" y="282817"/>
                  </a:moveTo>
                  <a:cubicBezTo>
                    <a:pt x="289561" y="363381"/>
                    <a:pt x="530841" y="530103"/>
                    <a:pt x="807123" y="610668"/>
                  </a:cubicBezTo>
                  <a:cubicBezTo>
                    <a:pt x="817478" y="613774"/>
                    <a:pt x="827212" y="607147"/>
                    <a:pt x="830319" y="597413"/>
                  </a:cubicBezTo>
                  <a:cubicBezTo>
                    <a:pt x="894729" y="407495"/>
                    <a:pt x="973016" y="222134"/>
                    <a:pt x="1008638" y="23725"/>
                  </a:cubicBezTo>
                  <a:cubicBezTo>
                    <a:pt x="1012988" y="-92"/>
                    <a:pt x="976537" y="-10241"/>
                    <a:pt x="972187" y="13577"/>
                  </a:cubicBezTo>
                  <a:cubicBezTo>
                    <a:pt x="936565" y="211986"/>
                    <a:pt x="858278" y="397347"/>
                    <a:pt x="793868" y="587265"/>
                  </a:cubicBezTo>
                  <a:cubicBezTo>
                    <a:pt x="801531" y="582915"/>
                    <a:pt x="809401" y="578359"/>
                    <a:pt x="817064" y="574010"/>
                  </a:cubicBezTo>
                  <a:cubicBezTo>
                    <a:pt x="540989" y="493652"/>
                    <a:pt x="299709" y="327138"/>
                    <a:pt x="23427" y="246366"/>
                  </a:cubicBezTo>
                  <a:cubicBezTo>
                    <a:pt x="24" y="239531"/>
                    <a:pt x="-10124" y="275982"/>
                    <a:pt x="13279" y="282817"/>
                  </a:cubicBezTo>
                  <a:lnTo>
                    <a:pt x="13279" y="282817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4" name="Freeform: Shape 83">
              <a:extLst>
                <a:ext uri="{FF2B5EF4-FFF2-40B4-BE49-F238E27FC236}">
                  <a16:creationId xmlns:a16="http://schemas.microsoft.com/office/drawing/2014/main" id="{8663C600-602A-4576-8CEA-0CDD0D763A15}"/>
                </a:ext>
              </a:extLst>
            </p:cNvPr>
            <p:cNvSpPr/>
            <p:nvPr/>
          </p:nvSpPr>
          <p:spPr>
            <a:xfrm>
              <a:off x="10645958" y="4782571"/>
              <a:ext cx="1185080" cy="627779"/>
            </a:xfrm>
            <a:custGeom>
              <a:avLst/>
              <a:gdLst>
                <a:gd name="connsiteX0" fmla="*/ 8975 w 1185080"/>
                <a:gd name="connsiteY0" fmla="*/ 292506 h 627779"/>
                <a:gd name="connsiteX1" fmla="*/ 438309 w 1185080"/>
                <a:gd name="connsiteY1" fmla="*/ 490294 h 627779"/>
                <a:gd name="connsiteX2" fmla="*/ 780243 w 1185080"/>
                <a:gd name="connsiteY2" fmla="*/ 626778 h 627779"/>
                <a:gd name="connsiteX3" fmla="*/ 968297 w 1185080"/>
                <a:gd name="connsiteY3" fmla="*/ 462334 h 627779"/>
                <a:gd name="connsiteX4" fmla="*/ 1182860 w 1185080"/>
                <a:gd name="connsiteY4" fmla="*/ 28651 h 627779"/>
                <a:gd name="connsiteX5" fmla="*/ 1150137 w 1185080"/>
                <a:gd name="connsiteY5" fmla="*/ 9597 h 627779"/>
                <a:gd name="connsiteX6" fmla="*/ 964155 w 1185080"/>
                <a:gd name="connsiteY6" fmla="*/ 372657 h 627779"/>
                <a:gd name="connsiteX7" fmla="*/ 729916 w 1185080"/>
                <a:gd name="connsiteY7" fmla="*/ 579143 h 627779"/>
                <a:gd name="connsiteX8" fmla="*/ 418633 w 1185080"/>
                <a:gd name="connsiteY8" fmla="*/ 440588 h 627779"/>
                <a:gd name="connsiteX9" fmla="*/ 28028 w 1185080"/>
                <a:gd name="connsiteY9" fmla="*/ 259783 h 627779"/>
                <a:gd name="connsiteX10" fmla="*/ 8975 w 1185080"/>
                <a:gd name="connsiteY10" fmla="*/ 292506 h 627779"/>
                <a:gd name="connsiteX11" fmla="*/ 8975 w 1185080"/>
                <a:gd name="connsiteY11" fmla="*/ 292506 h 62777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1185080" h="627779">
                  <a:moveTo>
                    <a:pt x="8975" y="292506"/>
                  </a:moveTo>
                  <a:cubicBezTo>
                    <a:pt x="144630" y="375349"/>
                    <a:pt x="294369" y="424641"/>
                    <a:pt x="438309" y="490294"/>
                  </a:cubicBezTo>
                  <a:cubicBezTo>
                    <a:pt x="548904" y="540621"/>
                    <a:pt x="657221" y="612280"/>
                    <a:pt x="780243" y="626778"/>
                  </a:cubicBezTo>
                  <a:cubicBezTo>
                    <a:pt x="881519" y="638790"/>
                    <a:pt x="934745" y="540414"/>
                    <a:pt x="968297" y="462334"/>
                  </a:cubicBezTo>
                  <a:cubicBezTo>
                    <a:pt x="1032500" y="313010"/>
                    <a:pt x="1109959" y="173626"/>
                    <a:pt x="1182860" y="28651"/>
                  </a:cubicBezTo>
                  <a:cubicBezTo>
                    <a:pt x="1193837" y="6905"/>
                    <a:pt x="1161114" y="-12149"/>
                    <a:pt x="1150137" y="9597"/>
                  </a:cubicBezTo>
                  <a:cubicBezTo>
                    <a:pt x="1089041" y="131169"/>
                    <a:pt x="1016346" y="246942"/>
                    <a:pt x="964155" y="372657"/>
                  </a:cubicBezTo>
                  <a:cubicBezTo>
                    <a:pt x="917348" y="485323"/>
                    <a:pt x="879862" y="617872"/>
                    <a:pt x="729916" y="579143"/>
                  </a:cubicBezTo>
                  <a:cubicBezTo>
                    <a:pt x="619735" y="550562"/>
                    <a:pt x="523637" y="482631"/>
                    <a:pt x="418633" y="440588"/>
                  </a:cubicBezTo>
                  <a:cubicBezTo>
                    <a:pt x="285670" y="387361"/>
                    <a:pt x="150636" y="334549"/>
                    <a:pt x="28028" y="259783"/>
                  </a:cubicBezTo>
                  <a:cubicBezTo>
                    <a:pt x="7111" y="246942"/>
                    <a:pt x="-11736" y="279665"/>
                    <a:pt x="8975" y="292506"/>
                  </a:cubicBezTo>
                  <a:lnTo>
                    <a:pt x="8975" y="292506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5" name="Freeform: Shape 84">
              <a:extLst>
                <a:ext uri="{FF2B5EF4-FFF2-40B4-BE49-F238E27FC236}">
                  <a16:creationId xmlns:a16="http://schemas.microsoft.com/office/drawing/2014/main" id="{43BC640B-F686-4A2F-8662-1FBD082228FD}"/>
                </a:ext>
              </a:extLst>
            </p:cNvPr>
            <p:cNvSpPr/>
            <p:nvPr/>
          </p:nvSpPr>
          <p:spPr>
            <a:xfrm>
              <a:off x="10705272" y="5222868"/>
              <a:ext cx="1308052" cy="693850"/>
            </a:xfrm>
            <a:custGeom>
              <a:avLst/>
              <a:gdLst>
                <a:gd name="connsiteX0" fmla="*/ 6408 w 1308052"/>
                <a:gd name="connsiteY0" fmla="*/ 340154 h 693850"/>
                <a:gd name="connsiteX1" fmla="*/ 390385 w 1308052"/>
                <a:gd name="connsiteY1" fmla="*/ 497556 h 693850"/>
                <a:gd name="connsiteX2" fmla="*/ 928037 w 1308052"/>
                <a:gd name="connsiteY2" fmla="*/ 693065 h 693850"/>
                <a:gd name="connsiteX3" fmla="*/ 949369 w 1308052"/>
                <a:gd name="connsiteY3" fmla="*/ 684367 h 693850"/>
                <a:gd name="connsiteX4" fmla="*/ 1307251 w 1308052"/>
                <a:gd name="connsiteY4" fmla="*/ 23486 h 693850"/>
                <a:gd name="connsiteX5" fmla="*/ 1270800 w 1308052"/>
                <a:gd name="connsiteY5" fmla="*/ 13338 h 693850"/>
                <a:gd name="connsiteX6" fmla="*/ 1101178 w 1308052"/>
                <a:gd name="connsiteY6" fmla="*/ 380540 h 693850"/>
                <a:gd name="connsiteX7" fmla="*/ 987684 w 1308052"/>
                <a:gd name="connsiteY7" fmla="*/ 561138 h 693850"/>
                <a:gd name="connsiteX8" fmla="*/ 939427 w 1308052"/>
                <a:gd name="connsiteY8" fmla="*/ 632383 h 693850"/>
                <a:gd name="connsiteX9" fmla="*/ 834838 w 1308052"/>
                <a:gd name="connsiteY9" fmla="*/ 621406 h 693850"/>
                <a:gd name="connsiteX10" fmla="*/ 420002 w 1308052"/>
                <a:gd name="connsiteY10" fmla="*/ 466904 h 693850"/>
                <a:gd name="connsiteX11" fmla="*/ 33125 w 1308052"/>
                <a:gd name="connsiteY11" fmla="*/ 313230 h 693850"/>
                <a:gd name="connsiteX12" fmla="*/ 6408 w 1308052"/>
                <a:gd name="connsiteY12" fmla="*/ 340154 h 693850"/>
                <a:gd name="connsiteX13" fmla="*/ 6408 w 1308052"/>
                <a:gd name="connsiteY13" fmla="*/ 340154 h 6938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1308052" h="693850">
                  <a:moveTo>
                    <a:pt x="6408" y="340154"/>
                  </a:moveTo>
                  <a:cubicBezTo>
                    <a:pt x="116175" y="430039"/>
                    <a:pt x="257422" y="458205"/>
                    <a:pt x="390385" y="497556"/>
                  </a:cubicBezTo>
                  <a:cubicBezTo>
                    <a:pt x="573468" y="551818"/>
                    <a:pt x="745782" y="636525"/>
                    <a:pt x="928037" y="693065"/>
                  </a:cubicBezTo>
                  <a:cubicBezTo>
                    <a:pt x="936528" y="695758"/>
                    <a:pt x="944605" y="691201"/>
                    <a:pt x="949369" y="684367"/>
                  </a:cubicBezTo>
                  <a:cubicBezTo>
                    <a:pt x="1090409" y="481401"/>
                    <a:pt x="1239112" y="263938"/>
                    <a:pt x="1307251" y="23486"/>
                  </a:cubicBezTo>
                  <a:cubicBezTo>
                    <a:pt x="1313878" y="-124"/>
                    <a:pt x="1277427" y="-10065"/>
                    <a:pt x="1270800" y="13338"/>
                  </a:cubicBezTo>
                  <a:cubicBezTo>
                    <a:pt x="1233935" y="143609"/>
                    <a:pt x="1169317" y="264145"/>
                    <a:pt x="1101178" y="380540"/>
                  </a:cubicBezTo>
                  <a:cubicBezTo>
                    <a:pt x="1065349" y="441844"/>
                    <a:pt x="1026827" y="501698"/>
                    <a:pt x="987684" y="561138"/>
                  </a:cubicBezTo>
                  <a:cubicBezTo>
                    <a:pt x="971943" y="585162"/>
                    <a:pt x="955789" y="608773"/>
                    <a:pt x="939427" y="632383"/>
                  </a:cubicBezTo>
                  <a:cubicBezTo>
                    <a:pt x="915817" y="666763"/>
                    <a:pt x="867768" y="633418"/>
                    <a:pt x="834838" y="621406"/>
                  </a:cubicBezTo>
                  <a:cubicBezTo>
                    <a:pt x="695869" y="570872"/>
                    <a:pt x="560628" y="512882"/>
                    <a:pt x="420002" y="466904"/>
                  </a:cubicBezTo>
                  <a:cubicBezTo>
                    <a:pt x="288488" y="423825"/>
                    <a:pt x="143099" y="403529"/>
                    <a:pt x="33125" y="313230"/>
                  </a:cubicBezTo>
                  <a:cubicBezTo>
                    <a:pt x="14485" y="298111"/>
                    <a:pt x="-12439" y="324621"/>
                    <a:pt x="6408" y="340154"/>
                  </a:cubicBezTo>
                  <a:lnTo>
                    <a:pt x="6408" y="340154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6" name="Freeform: Shape 85">
              <a:extLst>
                <a:ext uri="{FF2B5EF4-FFF2-40B4-BE49-F238E27FC236}">
                  <a16:creationId xmlns:a16="http://schemas.microsoft.com/office/drawing/2014/main" id="{EDE7EB07-A54A-4EF2-B6EF-67A6B0A83F99}"/>
                </a:ext>
              </a:extLst>
            </p:cNvPr>
            <p:cNvSpPr/>
            <p:nvPr/>
          </p:nvSpPr>
          <p:spPr>
            <a:xfrm>
              <a:off x="10850062" y="5765432"/>
              <a:ext cx="1225541" cy="680327"/>
            </a:xfrm>
            <a:custGeom>
              <a:avLst/>
              <a:gdLst>
                <a:gd name="connsiteX0" fmla="*/ 13428 w 1225541"/>
                <a:gd name="connsiteY0" fmla="*/ 348289 h 680327"/>
                <a:gd name="connsiteX1" fmla="*/ 949968 w 1225541"/>
                <a:gd name="connsiteY1" fmla="*/ 679662 h 680327"/>
                <a:gd name="connsiteX2" fmla="*/ 971300 w 1225541"/>
                <a:gd name="connsiteY2" fmla="*/ 670963 h 680327"/>
                <a:gd name="connsiteX3" fmla="*/ 1224593 w 1225541"/>
                <a:gd name="connsiteY3" fmla="*/ 23338 h 680327"/>
                <a:gd name="connsiteX4" fmla="*/ 1188142 w 1225541"/>
                <a:gd name="connsiteY4" fmla="*/ 13189 h 680327"/>
                <a:gd name="connsiteX5" fmla="*/ 1057250 w 1225541"/>
                <a:gd name="connsiteY5" fmla="*/ 391368 h 680327"/>
                <a:gd name="connsiteX6" fmla="*/ 973993 w 1225541"/>
                <a:gd name="connsiteY6" fmla="*/ 582321 h 680327"/>
                <a:gd name="connsiteX7" fmla="*/ 908133 w 1225541"/>
                <a:gd name="connsiteY7" fmla="*/ 627056 h 680327"/>
                <a:gd name="connsiteX8" fmla="*/ 804372 w 1225541"/>
                <a:gd name="connsiteY8" fmla="*/ 591434 h 680327"/>
                <a:gd name="connsiteX9" fmla="*/ 23576 w 1225541"/>
                <a:gd name="connsiteY9" fmla="*/ 311839 h 680327"/>
                <a:gd name="connsiteX10" fmla="*/ 13428 w 1225541"/>
                <a:gd name="connsiteY10" fmla="*/ 348289 h 680327"/>
                <a:gd name="connsiteX11" fmla="*/ 13428 w 1225541"/>
                <a:gd name="connsiteY11" fmla="*/ 348289 h 68032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1225541" h="680327">
                  <a:moveTo>
                    <a:pt x="13428" y="348289"/>
                  </a:moveTo>
                  <a:cubicBezTo>
                    <a:pt x="336516" y="426162"/>
                    <a:pt x="632887" y="582735"/>
                    <a:pt x="949968" y="679662"/>
                  </a:cubicBezTo>
                  <a:cubicBezTo>
                    <a:pt x="957838" y="681940"/>
                    <a:pt x="967572" y="678212"/>
                    <a:pt x="971300" y="670963"/>
                  </a:cubicBezTo>
                  <a:cubicBezTo>
                    <a:pt x="1078996" y="464891"/>
                    <a:pt x="1155212" y="244736"/>
                    <a:pt x="1224593" y="23338"/>
                  </a:cubicBezTo>
                  <a:cubicBezTo>
                    <a:pt x="1231842" y="-65"/>
                    <a:pt x="1195391" y="-10007"/>
                    <a:pt x="1188142" y="13189"/>
                  </a:cubicBezTo>
                  <a:cubicBezTo>
                    <a:pt x="1148170" y="140561"/>
                    <a:pt x="1105920" y="266896"/>
                    <a:pt x="1057250" y="391368"/>
                  </a:cubicBezTo>
                  <a:cubicBezTo>
                    <a:pt x="1031983" y="455985"/>
                    <a:pt x="1003816" y="519568"/>
                    <a:pt x="973993" y="582321"/>
                  </a:cubicBezTo>
                  <a:cubicBezTo>
                    <a:pt x="955560" y="620843"/>
                    <a:pt x="953489" y="641347"/>
                    <a:pt x="908133" y="627056"/>
                  </a:cubicBezTo>
                  <a:cubicBezTo>
                    <a:pt x="873339" y="615872"/>
                    <a:pt x="838752" y="603653"/>
                    <a:pt x="804372" y="591434"/>
                  </a:cubicBezTo>
                  <a:cubicBezTo>
                    <a:pt x="543830" y="498235"/>
                    <a:pt x="293644" y="376870"/>
                    <a:pt x="23576" y="311839"/>
                  </a:cubicBezTo>
                  <a:cubicBezTo>
                    <a:pt x="-34" y="306040"/>
                    <a:pt x="-10182" y="342697"/>
                    <a:pt x="13428" y="348289"/>
                  </a:cubicBezTo>
                  <a:lnTo>
                    <a:pt x="13428" y="348289"/>
                  </a:lnTo>
                  <a:close/>
                </a:path>
              </a:pathLst>
            </a:custGeom>
            <a:solidFill>
              <a:srgbClr val="11564F"/>
            </a:solidFill>
            <a:ln w="2062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87" name="Graphic 153">
            <a:extLst>
              <a:ext uri="{FF2B5EF4-FFF2-40B4-BE49-F238E27FC236}">
                <a16:creationId xmlns:a16="http://schemas.microsoft.com/office/drawing/2014/main" id="{5F17B979-F944-4C43-B265-915CA6ABACC9}"/>
              </a:ext>
            </a:extLst>
          </p:cNvPr>
          <p:cNvGrpSpPr/>
          <p:nvPr/>
        </p:nvGrpSpPr>
        <p:grpSpPr>
          <a:xfrm flipH="1">
            <a:off x="-75591" y="3124096"/>
            <a:ext cx="1068908" cy="1281260"/>
            <a:chOff x="11161825" y="3187825"/>
            <a:chExt cx="1068908" cy="1281260"/>
          </a:xfrm>
        </p:grpSpPr>
        <p:sp>
          <p:nvSpPr>
            <p:cNvPr id="88" name="Freeform: Shape 87">
              <a:extLst>
                <a:ext uri="{FF2B5EF4-FFF2-40B4-BE49-F238E27FC236}">
                  <a16:creationId xmlns:a16="http://schemas.microsoft.com/office/drawing/2014/main" id="{36E7316A-8A89-4CE8-B339-665DA0B64835}"/>
                </a:ext>
              </a:extLst>
            </p:cNvPr>
            <p:cNvSpPr/>
            <p:nvPr/>
          </p:nvSpPr>
          <p:spPr>
            <a:xfrm>
              <a:off x="11161825" y="3187825"/>
              <a:ext cx="1065500" cy="1267823"/>
            </a:xfrm>
            <a:custGeom>
              <a:avLst/>
              <a:gdLst>
                <a:gd name="connsiteX0" fmla="*/ 996210 w 1065500"/>
                <a:gd name="connsiteY0" fmla="*/ 1267823 h 1267823"/>
                <a:gd name="connsiteX1" fmla="*/ 199371 w 1065500"/>
                <a:gd name="connsiteY1" fmla="*/ 961111 h 1267823"/>
                <a:gd name="connsiteX2" fmla="*/ 59 w 1065500"/>
                <a:gd name="connsiteY2" fmla="*/ 814786 h 1267823"/>
                <a:gd name="connsiteX3" fmla="*/ 163096 w 1065500"/>
                <a:gd name="connsiteY3" fmla="*/ 788701 h 1267823"/>
                <a:gd name="connsiteX4" fmla="*/ 576188 w 1065500"/>
                <a:gd name="connsiteY4" fmla="*/ 936656 h 1267823"/>
                <a:gd name="connsiteX5" fmla="*/ 95232 w 1065500"/>
                <a:gd name="connsiteY5" fmla="*/ 448566 h 1267823"/>
                <a:gd name="connsiteX6" fmla="*/ 362407 w 1065500"/>
                <a:gd name="connsiteY6" fmla="*/ 547407 h 1267823"/>
                <a:gd name="connsiteX7" fmla="*/ 674010 w 1065500"/>
                <a:gd name="connsiteY7" fmla="*/ 768729 h 1267823"/>
                <a:gd name="connsiteX8" fmla="*/ 451466 w 1065500"/>
                <a:gd name="connsiteY8" fmla="*/ 409845 h 1267823"/>
                <a:gd name="connsiteX9" fmla="*/ 346511 w 1065500"/>
                <a:gd name="connsiteY9" fmla="*/ 135741 h 1267823"/>
                <a:gd name="connsiteX10" fmla="*/ 574966 w 1065500"/>
                <a:gd name="connsiteY10" fmla="*/ 260871 h 1267823"/>
                <a:gd name="connsiteX11" fmla="*/ 808311 w 1065500"/>
                <a:gd name="connsiteY11" fmla="*/ 639319 h 1267823"/>
                <a:gd name="connsiteX12" fmla="*/ 705598 w 1065500"/>
                <a:gd name="connsiteY12" fmla="*/ 166514 h 1267823"/>
                <a:gd name="connsiteX13" fmla="*/ 912451 w 1065500"/>
                <a:gd name="connsiteY13" fmla="*/ 133703 h 1267823"/>
                <a:gd name="connsiteX14" fmla="*/ 1050827 w 1065500"/>
                <a:gd name="connsiteY14" fmla="*/ 883262 h 1267823"/>
                <a:gd name="connsiteX15" fmla="*/ 1065501 w 1065500"/>
                <a:gd name="connsiteY15" fmla="*/ 1260283 h 126782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065500" h="1267823">
                  <a:moveTo>
                    <a:pt x="996210" y="1267823"/>
                  </a:moveTo>
                  <a:cubicBezTo>
                    <a:pt x="733518" y="1153902"/>
                    <a:pt x="462063" y="1069938"/>
                    <a:pt x="199371" y="961111"/>
                  </a:cubicBezTo>
                  <a:cubicBezTo>
                    <a:pt x="149034" y="938286"/>
                    <a:pt x="2913" y="889172"/>
                    <a:pt x="59" y="814786"/>
                  </a:cubicBezTo>
                  <a:cubicBezTo>
                    <a:pt x="-2998" y="735510"/>
                    <a:pt x="112758" y="775658"/>
                    <a:pt x="163096" y="788701"/>
                  </a:cubicBezTo>
                  <a:cubicBezTo>
                    <a:pt x="293932" y="833332"/>
                    <a:pt x="429456" y="867773"/>
                    <a:pt x="576188" y="936656"/>
                  </a:cubicBezTo>
                  <a:cubicBezTo>
                    <a:pt x="481627" y="806227"/>
                    <a:pt x="16159" y="585924"/>
                    <a:pt x="95232" y="448566"/>
                  </a:cubicBezTo>
                  <a:cubicBezTo>
                    <a:pt x="156574" y="342185"/>
                    <a:pt x="305956" y="505018"/>
                    <a:pt x="362407" y="547407"/>
                  </a:cubicBezTo>
                  <a:cubicBezTo>
                    <a:pt x="464712" y="623015"/>
                    <a:pt x="576392" y="688230"/>
                    <a:pt x="674010" y="768729"/>
                  </a:cubicBezTo>
                  <a:cubicBezTo>
                    <a:pt x="630194" y="661125"/>
                    <a:pt x="510159" y="516838"/>
                    <a:pt x="451466" y="409845"/>
                  </a:cubicBezTo>
                  <a:cubicBezTo>
                    <a:pt x="403574" y="327308"/>
                    <a:pt x="320425" y="231117"/>
                    <a:pt x="346511" y="135741"/>
                  </a:cubicBezTo>
                  <a:cubicBezTo>
                    <a:pt x="384825" y="-29741"/>
                    <a:pt x="532984" y="202993"/>
                    <a:pt x="574966" y="260871"/>
                  </a:cubicBezTo>
                  <a:cubicBezTo>
                    <a:pt x="638346" y="357674"/>
                    <a:pt x="743301" y="502776"/>
                    <a:pt x="808311" y="639319"/>
                  </a:cubicBezTo>
                  <a:cubicBezTo>
                    <a:pt x="823188" y="509501"/>
                    <a:pt x="715788" y="300203"/>
                    <a:pt x="705598" y="166514"/>
                  </a:cubicBezTo>
                  <a:cubicBezTo>
                    <a:pt x="692148" y="-41561"/>
                    <a:pt x="835620" y="-57050"/>
                    <a:pt x="912451" y="133703"/>
                  </a:cubicBezTo>
                  <a:cubicBezTo>
                    <a:pt x="1011087" y="373162"/>
                    <a:pt x="1030652" y="620977"/>
                    <a:pt x="1050827" y="883262"/>
                  </a:cubicBezTo>
                  <a:cubicBezTo>
                    <a:pt x="1060202" y="997183"/>
                    <a:pt x="1061017" y="1146158"/>
                    <a:pt x="1065501" y="1260283"/>
                  </a:cubicBezTo>
                </a:path>
              </a:pathLst>
            </a:custGeom>
            <a:solidFill>
              <a:srgbClr val="FFDB69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89" name="Freeform: Shape 88">
              <a:extLst>
                <a:ext uri="{FF2B5EF4-FFF2-40B4-BE49-F238E27FC236}">
                  <a16:creationId xmlns:a16="http://schemas.microsoft.com/office/drawing/2014/main" id="{6D3C2E5A-6747-4A4B-B46B-0C5F0488471F}"/>
                </a:ext>
              </a:extLst>
            </p:cNvPr>
            <p:cNvSpPr/>
            <p:nvPr/>
          </p:nvSpPr>
          <p:spPr>
            <a:xfrm>
              <a:off x="11581671" y="3386307"/>
              <a:ext cx="649062" cy="1076344"/>
            </a:xfrm>
            <a:custGeom>
              <a:avLst/>
              <a:gdLst>
                <a:gd name="connsiteX0" fmla="*/ 2885 w 649062"/>
                <a:gd name="connsiteY0" fmla="*/ 27541 h 1076344"/>
                <a:gd name="connsiteX1" fmla="*/ 362583 w 649062"/>
                <a:gd name="connsiteY1" fmla="*/ 612433 h 1076344"/>
                <a:gd name="connsiteX2" fmla="*/ 517264 w 649062"/>
                <a:gd name="connsiteY2" fmla="*/ 884907 h 1076344"/>
                <a:gd name="connsiteX3" fmla="*/ 617531 w 649062"/>
                <a:gd name="connsiteY3" fmla="*/ 1070565 h 1076344"/>
                <a:gd name="connsiteX4" fmla="*/ 643821 w 649062"/>
                <a:gd name="connsiteY4" fmla="*/ 1044275 h 1076344"/>
                <a:gd name="connsiteX5" fmla="*/ 541719 w 649062"/>
                <a:gd name="connsiteY5" fmla="*/ 849243 h 1076344"/>
                <a:gd name="connsiteX6" fmla="*/ 379702 w 649062"/>
                <a:gd name="connsiteY6" fmla="*/ 570451 h 1076344"/>
                <a:gd name="connsiteX7" fmla="*/ 35288 w 649062"/>
                <a:gd name="connsiteY7" fmla="*/ 8791 h 1076344"/>
                <a:gd name="connsiteX8" fmla="*/ 2885 w 649062"/>
                <a:gd name="connsiteY8" fmla="*/ 27541 h 1076344"/>
                <a:gd name="connsiteX9" fmla="*/ 2885 w 649062"/>
                <a:gd name="connsiteY9" fmla="*/ 27541 h 107634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649062" h="1076344">
                  <a:moveTo>
                    <a:pt x="2885" y="27541"/>
                  </a:moveTo>
                  <a:cubicBezTo>
                    <a:pt x="123124" y="222573"/>
                    <a:pt x="237249" y="420662"/>
                    <a:pt x="362583" y="612433"/>
                  </a:cubicBezTo>
                  <a:cubicBezTo>
                    <a:pt x="419238" y="699046"/>
                    <a:pt x="473855" y="790957"/>
                    <a:pt x="517264" y="884907"/>
                  </a:cubicBezTo>
                  <a:cubicBezTo>
                    <a:pt x="546406" y="948084"/>
                    <a:pt x="569028" y="1019004"/>
                    <a:pt x="617531" y="1070565"/>
                  </a:cubicBezTo>
                  <a:cubicBezTo>
                    <a:pt x="634038" y="1088091"/>
                    <a:pt x="660328" y="1061801"/>
                    <a:pt x="643821" y="1044275"/>
                  </a:cubicBezTo>
                  <a:cubicBezTo>
                    <a:pt x="594298" y="991696"/>
                    <a:pt x="571473" y="913846"/>
                    <a:pt x="541719" y="849243"/>
                  </a:cubicBezTo>
                  <a:cubicBezTo>
                    <a:pt x="497088" y="752644"/>
                    <a:pt x="437784" y="659306"/>
                    <a:pt x="379702" y="570451"/>
                  </a:cubicBezTo>
                  <a:cubicBezTo>
                    <a:pt x="259463" y="386424"/>
                    <a:pt x="150636" y="195875"/>
                    <a:pt x="35288" y="8791"/>
                  </a:cubicBezTo>
                  <a:cubicBezTo>
                    <a:pt x="22449" y="-11588"/>
                    <a:pt x="-9751" y="7161"/>
                    <a:pt x="2885" y="27541"/>
                  </a:cubicBezTo>
                  <a:lnTo>
                    <a:pt x="2885" y="27541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0" name="Freeform: Shape 89">
              <a:extLst>
                <a:ext uri="{FF2B5EF4-FFF2-40B4-BE49-F238E27FC236}">
                  <a16:creationId xmlns:a16="http://schemas.microsoft.com/office/drawing/2014/main" id="{72CD143B-EC84-4B79-9FE6-4113761BE560}"/>
                </a:ext>
              </a:extLst>
            </p:cNvPr>
            <p:cNvSpPr/>
            <p:nvPr/>
          </p:nvSpPr>
          <p:spPr>
            <a:xfrm>
              <a:off x="11345328" y="3703811"/>
              <a:ext cx="879995" cy="764358"/>
            </a:xfrm>
            <a:custGeom>
              <a:avLst/>
              <a:gdLst>
                <a:gd name="connsiteX0" fmla="*/ 6086 w 879995"/>
                <a:gd name="connsiteY0" fmla="*/ 31014 h 764358"/>
                <a:gd name="connsiteX1" fmla="*/ 445469 w 879995"/>
                <a:gd name="connsiteY1" fmla="*/ 375428 h 764358"/>
                <a:gd name="connsiteX2" fmla="*/ 848779 w 879995"/>
                <a:gd name="connsiteY2" fmla="*/ 758359 h 764358"/>
                <a:gd name="connsiteX3" fmla="*/ 875069 w 879995"/>
                <a:gd name="connsiteY3" fmla="*/ 732070 h 764358"/>
                <a:gd name="connsiteX4" fmla="*/ 531266 w 879995"/>
                <a:gd name="connsiteY4" fmla="*/ 390509 h 764358"/>
                <a:gd name="connsiteX5" fmla="*/ 32172 w 879995"/>
                <a:gd name="connsiteY5" fmla="*/ 4928 h 764358"/>
                <a:gd name="connsiteX6" fmla="*/ 6086 w 879995"/>
                <a:gd name="connsiteY6" fmla="*/ 31014 h 764358"/>
                <a:gd name="connsiteX7" fmla="*/ 6086 w 879995"/>
                <a:gd name="connsiteY7" fmla="*/ 31014 h 76435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879995" h="764358">
                  <a:moveTo>
                    <a:pt x="6086" y="31014"/>
                  </a:moveTo>
                  <a:cubicBezTo>
                    <a:pt x="147316" y="152476"/>
                    <a:pt x="294049" y="267009"/>
                    <a:pt x="445469" y="375428"/>
                  </a:cubicBezTo>
                  <a:cubicBezTo>
                    <a:pt x="601576" y="487108"/>
                    <a:pt x="722426" y="615295"/>
                    <a:pt x="848779" y="758359"/>
                  </a:cubicBezTo>
                  <a:cubicBezTo>
                    <a:pt x="864675" y="776293"/>
                    <a:pt x="890965" y="750004"/>
                    <a:pt x="875069" y="732070"/>
                  </a:cubicBezTo>
                  <a:cubicBezTo>
                    <a:pt x="767261" y="609996"/>
                    <a:pt x="663733" y="486904"/>
                    <a:pt x="531266" y="390509"/>
                  </a:cubicBezTo>
                  <a:cubicBezTo>
                    <a:pt x="360894" y="266398"/>
                    <a:pt x="192355" y="142490"/>
                    <a:pt x="32172" y="4928"/>
                  </a:cubicBezTo>
                  <a:cubicBezTo>
                    <a:pt x="14442" y="-10968"/>
                    <a:pt x="-12052" y="15322"/>
                    <a:pt x="6086" y="31014"/>
                  </a:cubicBezTo>
                  <a:lnTo>
                    <a:pt x="6086" y="31014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1" name="Freeform: Shape 90">
              <a:extLst>
                <a:ext uri="{FF2B5EF4-FFF2-40B4-BE49-F238E27FC236}">
                  <a16:creationId xmlns:a16="http://schemas.microsoft.com/office/drawing/2014/main" id="{40ACB969-9B37-4021-9A02-6231D650FCF1}"/>
                </a:ext>
              </a:extLst>
            </p:cNvPr>
            <p:cNvSpPr/>
            <p:nvPr/>
          </p:nvSpPr>
          <p:spPr>
            <a:xfrm>
              <a:off x="11239302" y="4015204"/>
              <a:ext cx="970593" cy="453881"/>
            </a:xfrm>
            <a:custGeom>
              <a:avLst/>
              <a:gdLst>
                <a:gd name="connsiteX0" fmla="*/ 13271 w 970593"/>
                <a:gd name="connsiteY0" fmla="*/ 36523 h 453881"/>
                <a:gd name="connsiteX1" fmla="*/ 478332 w 970593"/>
                <a:gd name="connsiteY1" fmla="*/ 217086 h 453881"/>
                <a:gd name="connsiteX2" fmla="*/ 944004 w 970593"/>
                <a:gd name="connsiteY2" fmla="*/ 450227 h 453881"/>
                <a:gd name="connsiteX3" fmla="*/ 962753 w 970593"/>
                <a:gd name="connsiteY3" fmla="*/ 418028 h 453881"/>
                <a:gd name="connsiteX4" fmla="*/ 536414 w 970593"/>
                <a:gd name="connsiteY4" fmla="*/ 198744 h 453881"/>
                <a:gd name="connsiteX5" fmla="*/ 23257 w 970593"/>
                <a:gd name="connsiteY5" fmla="*/ 655 h 453881"/>
                <a:gd name="connsiteX6" fmla="*/ 13271 w 970593"/>
                <a:gd name="connsiteY6" fmla="*/ 36523 h 453881"/>
                <a:gd name="connsiteX7" fmla="*/ 13271 w 970593"/>
                <a:gd name="connsiteY7" fmla="*/ 36523 h 453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970593" h="453881">
                  <a:moveTo>
                    <a:pt x="13271" y="36523"/>
                  </a:moveTo>
                  <a:cubicBezTo>
                    <a:pt x="175492" y="76671"/>
                    <a:pt x="323244" y="156762"/>
                    <a:pt x="478332" y="217086"/>
                  </a:cubicBezTo>
                  <a:cubicBezTo>
                    <a:pt x="642591" y="281281"/>
                    <a:pt x="802366" y="342420"/>
                    <a:pt x="944004" y="450227"/>
                  </a:cubicBezTo>
                  <a:cubicBezTo>
                    <a:pt x="963161" y="464697"/>
                    <a:pt x="981502" y="432497"/>
                    <a:pt x="962753" y="418028"/>
                  </a:cubicBezTo>
                  <a:cubicBezTo>
                    <a:pt x="833751" y="319798"/>
                    <a:pt x="687630" y="254992"/>
                    <a:pt x="536414" y="198744"/>
                  </a:cubicBezTo>
                  <a:cubicBezTo>
                    <a:pt x="364818" y="135160"/>
                    <a:pt x="201782" y="44879"/>
                    <a:pt x="23257" y="655"/>
                  </a:cubicBezTo>
                  <a:cubicBezTo>
                    <a:pt x="-179" y="-5255"/>
                    <a:pt x="-9961" y="30613"/>
                    <a:pt x="13271" y="36523"/>
                  </a:cubicBezTo>
                  <a:lnTo>
                    <a:pt x="13271" y="36523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2" name="Freeform: Shape 91">
              <a:extLst>
                <a:ext uri="{FF2B5EF4-FFF2-40B4-BE49-F238E27FC236}">
                  <a16:creationId xmlns:a16="http://schemas.microsoft.com/office/drawing/2014/main" id="{0A37A2C6-40A3-47AA-A027-C5D2B5F0AD21}"/>
                </a:ext>
              </a:extLst>
            </p:cNvPr>
            <p:cNvSpPr/>
            <p:nvPr/>
          </p:nvSpPr>
          <p:spPr>
            <a:xfrm>
              <a:off x="11926029" y="3314013"/>
              <a:ext cx="284246" cy="1128593"/>
            </a:xfrm>
            <a:custGeom>
              <a:avLst/>
              <a:gdLst>
                <a:gd name="connsiteX0" fmla="*/ 284178 w 284246"/>
                <a:gd name="connsiteY0" fmla="*/ 1110659 h 1128593"/>
                <a:gd name="connsiteX1" fmla="*/ 234452 w 284246"/>
                <a:gd name="connsiteY1" fmla="*/ 872626 h 1128593"/>
                <a:gd name="connsiteX2" fmla="*/ 173517 w 284246"/>
                <a:gd name="connsiteY2" fmla="*/ 585479 h 1128593"/>
                <a:gd name="connsiteX3" fmla="*/ 110340 w 284246"/>
                <a:gd name="connsiteY3" fmla="*/ 299758 h 1128593"/>
                <a:gd name="connsiteX4" fmla="*/ 37178 w 284246"/>
                <a:gd name="connsiteY4" fmla="*/ 12610 h 1128593"/>
                <a:gd name="connsiteX5" fmla="*/ 1310 w 284246"/>
                <a:gd name="connsiteY5" fmla="*/ 22392 h 1128593"/>
                <a:gd name="connsiteX6" fmla="*/ 126032 w 284246"/>
                <a:gd name="connsiteY6" fmla="*/ 540440 h 1128593"/>
                <a:gd name="connsiteX7" fmla="*/ 185948 w 284246"/>
                <a:gd name="connsiteY7" fmla="*/ 836962 h 1128593"/>
                <a:gd name="connsiteX8" fmla="*/ 246679 w 284246"/>
                <a:gd name="connsiteY8" fmla="*/ 1110455 h 1128593"/>
                <a:gd name="connsiteX9" fmla="*/ 284178 w 284246"/>
                <a:gd name="connsiteY9" fmla="*/ 1110659 h 1128593"/>
                <a:gd name="connsiteX10" fmla="*/ 284178 w 284246"/>
                <a:gd name="connsiteY10" fmla="*/ 1110659 h 1128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284246" h="1128593">
                  <a:moveTo>
                    <a:pt x="284178" y="1110659"/>
                  </a:moveTo>
                  <a:cubicBezTo>
                    <a:pt x="285808" y="1027918"/>
                    <a:pt x="258296" y="950680"/>
                    <a:pt x="234452" y="872626"/>
                  </a:cubicBezTo>
                  <a:cubicBezTo>
                    <a:pt x="206124" y="779492"/>
                    <a:pt x="193081" y="680855"/>
                    <a:pt x="173517" y="585479"/>
                  </a:cubicBezTo>
                  <a:cubicBezTo>
                    <a:pt x="153952" y="489899"/>
                    <a:pt x="129905" y="395338"/>
                    <a:pt x="110340" y="299758"/>
                  </a:cubicBezTo>
                  <a:cubicBezTo>
                    <a:pt x="90572" y="202547"/>
                    <a:pt x="72842" y="105337"/>
                    <a:pt x="37178" y="12610"/>
                  </a:cubicBezTo>
                  <a:cubicBezTo>
                    <a:pt x="28618" y="-9603"/>
                    <a:pt x="-7250" y="-25"/>
                    <a:pt x="1310" y="22392"/>
                  </a:cubicBezTo>
                  <a:cubicBezTo>
                    <a:pt x="64079" y="186244"/>
                    <a:pt x="89146" y="369252"/>
                    <a:pt x="126032" y="540440"/>
                  </a:cubicBezTo>
                  <a:cubicBezTo>
                    <a:pt x="147227" y="639077"/>
                    <a:pt x="164142" y="738529"/>
                    <a:pt x="185948" y="836962"/>
                  </a:cubicBezTo>
                  <a:cubicBezTo>
                    <a:pt x="206328" y="929078"/>
                    <a:pt x="248513" y="1014264"/>
                    <a:pt x="246679" y="1110455"/>
                  </a:cubicBezTo>
                  <a:cubicBezTo>
                    <a:pt x="246475" y="1134707"/>
                    <a:pt x="283770" y="1134503"/>
                    <a:pt x="284178" y="1110659"/>
                  </a:cubicBezTo>
                  <a:lnTo>
                    <a:pt x="284178" y="1110659"/>
                  </a:lnTo>
                  <a:close/>
                </a:path>
              </a:pathLst>
            </a:custGeom>
            <a:solidFill>
              <a:srgbClr val="FFA522"/>
            </a:solidFill>
            <a:ln w="20332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93" name="Graphic 154">
            <a:extLst>
              <a:ext uri="{FF2B5EF4-FFF2-40B4-BE49-F238E27FC236}">
                <a16:creationId xmlns:a16="http://schemas.microsoft.com/office/drawing/2014/main" id="{0EB511D1-DA50-49F6-91B9-35F9726D9131}"/>
              </a:ext>
            </a:extLst>
          </p:cNvPr>
          <p:cNvGrpSpPr/>
          <p:nvPr/>
        </p:nvGrpSpPr>
        <p:grpSpPr>
          <a:xfrm flipH="1">
            <a:off x="1253698" y="3411922"/>
            <a:ext cx="1734183" cy="1380521"/>
            <a:chOff x="9167261" y="3475651"/>
            <a:chExt cx="1734183" cy="1380521"/>
          </a:xfrm>
        </p:grpSpPr>
        <p:sp>
          <p:nvSpPr>
            <p:cNvPr id="94" name="Freeform: Shape 93">
              <a:extLst>
                <a:ext uri="{FF2B5EF4-FFF2-40B4-BE49-F238E27FC236}">
                  <a16:creationId xmlns:a16="http://schemas.microsoft.com/office/drawing/2014/main" id="{D7150E9D-DF79-45CE-A609-BD5CE035BB35}"/>
                </a:ext>
              </a:extLst>
            </p:cNvPr>
            <p:cNvSpPr/>
            <p:nvPr/>
          </p:nvSpPr>
          <p:spPr>
            <a:xfrm>
              <a:off x="9167261" y="3475651"/>
              <a:ext cx="1726833" cy="1380521"/>
            </a:xfrm>
            <a:custGeom>
              <a:avLst/>
              <a:gdLst>
                <a:gd name="connsiteX0" fmla="*/ 1726834 w 1726833"/>
                <a:gd name="connsiteY0" fmla="*/ 1380521 h 1380521"/>
                <a:gd name="connsiteX1" fmla="*/ 695820 w 1726833"/>
                <a:gd name="connsiteY1" fmla="*/ 1058460 h 1380521"/>
                <a:gd name="connsiteX2" fmla="*/ 287875 w 1726833"/>
                <a:gd name="connsiteY2" fmla="*/ 488963 h 1380521"/>
                <a:gd name="connsiteX3" fmla="*/ 0 w 1726833"/>
                <a:gd name="connsiteY3" fmla="*/ 14730 h 1380521"/>
                <a:gd name="connsiteX4" fmla="*/ 1726834 w 1726833"/>
                <a:gd name="connsiteY4" fmla="*/ 1380521 h 13805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726833" h="1380521">
                  <a:moveTo>
                    <a:pt x="1726834" y="1380521"/>
                  </a:moveTo>
                  <a:cubicBezTo>
                    <a:pt x="1402271" y="1347794"/>
                    <a:pt x="956387" y="1275252"/>
                    <a:pt x="695820" y="1058460"/>
                  </a:cubicBezTo>
                  <a:cubicBezTo>
                    <a:pt x="515090" y="905037"/>
                    <a:pt x="392728" y="691164"/>
                    <a:pt x="287875" y="488963"/>
                  </a:cubicBezTo>
                  <a:cubicBezTo>
                    <a:pt x="200116" y="326160"/>
                    <a:pt x="87759" y="177533"/>
                    <a:pt x="0" y="14730"/>
                  </a:cubicBezTo>
                  <a:cubicBezTo>
                    <a:pt x="796086" y="-102421"/>
                    <a:pt x="1725583" y="490839"/>
                    <a:pt x="1726834" y="1380521"/>
                  </a:cubicBezTo>
                </a:path>
              </a:pathLst>
            </a:custGeom>
            <a:solidFill>
              <a:srgbClr val="11564F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5" name="Freeform: Shape 94">
              <a:extLst>
                <a:ext uri="{FF2B5EF4-FFF2-40B4-BE49-F238E27FC236}">
                  <a16:creationId xmlns:a16="http://schemas.microsoft.com/office/drawing/2014/main" id="{44AD6995-D7E9-41A0-AC92-F88E29A4D19C}"/>
                </a:ext>
              </a:extLst>
            </p:cNvPr>
            <p:cNvSpPr/>
            <p:nvPr/>
          </p:nvSpPr>
          <p:spPr>
            <a:xfrm>
              <a:off x="9470928" y="3641271"/>
              <a:ext cx="1430516" cy="1197398"/>
            </a:xfrm>
            <a:custGeom>
              <a:avLst/>
              <a:gdLst>
                <a:gd name="connsiteX0" fmla="*/ 1426084 w 1430516"/>
                <a:gd name="connsiteY0" fmla="*/ 1163829 h 1197398"/>
                <a:gd name="connsiteX1" fmla="*/ 783629 w 1430516"/>
                <a:gd name="connsiteY1" fmla="*/ 612051 h 1197398"/>
                <a:gd name="connsiteX2" fmla="*/ 27774 w 1430516"/>
                <a:gd name="connsiteY2" fmla="*/ 3365 h 1197398"/>
                <a:gd name="connsiteX3" fmla="*/ 8596 w 1430516"/>
                <a:gd name="connsiteY3" fmla="*/ 36301 h 1197398"/>
                <a:gd name="connsiteX4" fmla="*/ 725887 w 1430516"/>
                <a:gd name="connsiteY4" fmla="*/ 616012 h 1197398"/>
                <a:gd name="connsiteX5" fmla="*/ 1399194 w 1430516"/>
                <a:gd name="connsiteY5" fmla="*/ 1190720 h 1197398"/>
                <a:gd name="connsiteX6" fmla="*/ 1426084 w 1430516"/>
                <a:gd name="connsiteY6" fmla="*/ 1163829 h 1197398"/>
                <a:gd name="connsiteX7" fmla="*/ 1426084 w 1430516"/>
                <a:gd name="connsiteY7" fmla="*/ 1163829 h 11973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430516" h="1197398">
                  <a:moveTo>
                    <a:pt x="1426084" y="1163829"/>
                  </a:moveTo>
                  <a:cubicBezTo>
                    <a:pt x="1250149" y="940784"/>
                    <a:pt x="1009384" y="780065"/>
                    <a:pt x="783629" y="612051"/>
                  </a:cubicBezTo>
                  <a:cubicBezTo>
                    <a:pt x="523895" y="418814"/>
                    <a:pt x="295221" y="186805"/>
                    <a:pt x="27774" y="3365"/>
                  </a:cubicBezTo>
                  <a:cubicBezTo>
                    <a:pt x="7554" y="-10601"/>
                    <a:pt x="-11624" y="22543"/>
                    <a:pt x="8596" y="36301"/>
                  </a:cubicBezTo>
                  <a:cubicBezTo>
                    <a:pt x="262910" y="210569"/>
                    <a:pt x="480953" y="429863"/>
                    <a:pt x="725887" y="616012"/>
                  </a:cubicBezTo>
                  <a:cubicBezTo>
                    <a:pt x="960398" y="794240"/>
                    <a:pt x="1214712" y="956834"/>
                    <a:pt x="1399194" y="1190720"/>
                  </a:cubicBezTo>
                  <a:cubicBezTo>
                    <a:pt x="1414411" y="1210106"/>
                    <a:pt x="1441093" y="1183007"/>
                    <a:pt x="1426084" y="1163829"/>
                  </a:cubicBezTo>
                  <a:lnTo>
                    <a:pt x="1426084" y="1163829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6" name="Freeform: Shape 95">
              <a:extLst>
                <a:ext uri="{FF2B5EF4-FFF2-40B4-BE49-F238E27FC236}">
                  <a16:creationId xmlns:a16="http://schemas.microsoft.com/office/drawing/2014/main" id="{6E941C6F-5643-4BC8-9B9E-6B51EE7FA646}"/>
                </a:ext>
              </a:extLst>
            </p:cNvPr>
            <p:cNvSpPr/>
            <p:nvPr/>
          </p:nvSpPr>
          <p:spPr>
            <a:xfrm>
              <a:off x="10419392" y="4372509"/>
              <a:ext cx="354555" cy="325891"/>
            </a:xfrm>
            <a:custGeom>
              <a:avLst/>
              <a:gdLst>
                <a:gd name="connsiteX0" fmla="*/ 18396 w 354555"/>
                <a:gd name="connsiteY0" fmla="*/ 316066 h 325891"/>
                <a:gd name="connsiteX1" fmla="*/ 335455 w 354555"/>
                <a:gd name="connsiteY1" fmla="*/ 325863 h 325891"/>
                <a:gd name="connsiteX2" fmla="*/ 354424 w 354555"/>
                <a:gd name="connsiteY2" fmla="*/ 306894 h 325891"/>
                <a:gd name="connsiteX3" fmla="*/ 312108 w 354555"/>
                <a:gd name="connsiteY3" fmla="*/ 8596 h 325891"/>
                <a:gd name="connsiteX4" fmla="*/ 279172 w 354555"/>
                <a:gd name="connsiteY4" fmla="*/ 27774 h 325891"/>
                <a:gd name="connsiteX5" fmla="*/ 316277 w 354555"/>
                <a:gd name="connsiteY5" fmla="*/ 306894 h 325891"/>
                <a:gd name="connsiteX6" fmla="*/ 335247 w 354555"/>
                <a:gd name="connsiteY6" fmla="*/ 287925 h 325891"/>
                <a:gd name="connsiteX7" fmla="*/ 18188 w 354555"/>
                <a:gd name="connsiteY7" fmla="*/ 278127 h 325891"/>
                <a:gd name="connsiteX8" fmla="*/ 18396 w 354555"/>
                <a:gd name="connsiteY8" fmla="*/ 316066 h 325891"/>
                <a:gd name="connsiteX9" fmla="*/ 18396 w 354555"/>
                <a:gd name="connsiteY9" fmla="*/ 316066 h 32589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54555" h="325891">
                  <a:moveTo>
                    <a:pt x="18396" y="316066"/>
                  </a:moveTo>
                  <a:cubicBezTo>
                    <a:pt x="123874" y="323570"/>
                    <a:pt x="229769" y="319610"/>
                    <a:pt x="335455" y="325863"/>
                  </a:cubicBezTo>
                  <a:cubicBezTo>
                    <a:pt x="344836" y="326489"/>
                    <a:pt x="355884" y="316691"/>
                    <a:pt x="354424" y="306894"/>
                  </a:cubicBezTo>
                  <a:cubicBezTo>
                    <a:pt x="340875" y="206211"/>
                    <a:pt x="373394" y="98023"/>
                    <a:pt x="312108" y="8596"/>
                  </a:cubicBezTo>
                  <a:cubicBezTo>
                    <a:pt x="298350" y="-11624"/>
                    <a:pt x="265206" y="7554"/>
                    <a:pt x="279172" y="27774"/>
                  </a:cubicBezTo>
                  <a:cubicBezTo>
                    <a:pt x="335455" y="110113"/>
                    <a:pt x="303770" y="213924"/>
                    <a:pt x="316277" y="306894"/>
                  </a:cubicBezTo>
                  <a:cubicBezTo>
                    <a:pt x="322531" y="300640"/>
                    <a:pt x="328993" y="294178"/>
                    <a:pt x="335247" y="287925"/>
                  </a:cubicBezTo>
                  <a:cubicBezTo>
                    <a:pt x="229560" y="281671"/>
                    <a:pt x="123874" y="285632"/>
                    <a:pt x="18188" y="278127"/>
                  </a:cubicBezTo>
                  <a:cubicBezTo>
                    <a:pt x="-6201" y="276251"/>
                    <a:pt x="-5993" y="314398"/>
                    <a:pt x="18396" y="316066"/>
                  </a:cubicBezTo>
                  <a:lnTo>
                    <a:pt x="18396" y="31606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7" name="Freeform: Shape 96">
              <a:extLst>
                <a:ext uri="{FF2B5EF4-FFF2-40B4-BE49-F238E27FC236}">
                  <a16:creationId xmlns:a16="http://schemas.microsoft.com/office/drawing/2014/main" id="{568BFA23-4DB3-45CF-A730-A0F91DE4902B}"/>
                </a:ext>
              </a:extLst>
            </p:cNvPr>
            <p:cNvSpPr/>
            <p:nvPr/>
          </p:nvSpPr>
          <p:spPr>
            <a:xfrm>
              <a:off x="10118723" y="4162542"/>
              <a:ext cx="490559" cy="400638"/>
            </a:xfrm>
            <a:custGeom>
              <a:avLst/>
              <a:gdLst>
                <a:gd name="connsiteX0" fmla="*/ 18266 w 490559"/>
                <a:gd name="connsiteY0" fmla="*/ 354058 h 400638"/>
                <a:gd name="connsiteX1" fmla="*/ 466025 w 490559"/>
                <a:gd name="connsiteY1" fmla="*/ 400127 h 400638"/>
                <a:gd name="connsiteX2" fmla="*/ 490206 w 490559"/>
                <a:gd name="connsiteY2" fmla="*/ 381783 h 400638"/>
                <a:gd name="connsiteX3" fmla="*/ 405574 w 490559"/>
                <a:gd name="connsiteY3" fmla="*/ 9484 h 400638"/>
                <a:gd name="connsiteX4" fmla="*/ 372638 w 490559"/>
                <a:gd name="connsiteY4" fmla="*/ 28662 h 400638"/>
                <a:gd name="connsiteX5" fmla="*/ 452059 w 490559"/>
                <a:gd name="connsiteY5" fmla="*/ 381783 h 400638"/>
                <a:gd name="connsiteX6" fmla="*/ 476240 w 490559"/>
                <a:gd name="connsiteY6" fmla="*/ 363439 h 400638"/>
                <a:gd name="connsiteX7" fmla="*/ 18474 w 490559"/>
                <a:gd name="connsiteY7" fmla="*/ 316120 h 400638"/>
                <a:gd name="connsiteX8" fmla="*/ 18266 w 490559"/>
                <a:gd name="connsiteY8" fmla="*/ 354058 h 400638"/>
                <a:gd name="connsiteX9" fmla="*/ 18266 w 490559"/>
                <a:gd name="connsiteY9" fmla="*/ 354058 h 40063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90559" h="400638">
                  <a:moveTo>
                    <a:pt x="18266" y="354058"/>
                  </a:moveTo>
                  <a:cubicBezTo>
                    <a:pt x="169187" y="347596"/>
                    <a:pt x="318648" y="368233"/>
                    <a:pt x="466025" y="400127"/>
                  </a:cubicBezTo>
                  <a:cubicBezTo>
                    <a:pt x="478324" y="402837"/>
                    <a:pt x="489789" y="394499"/>
                    <a:pt x="490206" y="381783"/>
                  </a:cubicBezTo>
                  <a:cubicBezTo>
                    <a:pt x="494167" y="256919"/>
                    <a:pt x="464775" y="119548"/>
                    <a:pt x="405574" y="9484"/>
                  </a:cubicBezTo>
                  <a:cubicBezTo>
                    <a:pt x="393900" y="-12195"/>
                    <a:pt x="361173" y="7191"/>
                    <a:pt x="372638" y="28662"/>
                  </a:cubicBezTo>
                  <a:cubicBezTo>
                    <a:pt x="428504" y="132680"/>
                    <a:pt x="455811" y="264215"/>
                    <a:pt x="452059" y="381783"/>
                  </a:cubicBezTo>
                  <a:cubicBezTo>
                    <a:pt x="459980" y="375738"/>
                    <a:pt x="468110" y="369484"/>
                    <a:pt x="476240" y="363439"/>
                  </a:cubicBezTo>
                  <a:cubicBezTo>
                    <a:pt x="325736" y="330920"/>
                    <a:pt x="172730" y="309449"/>
                    <a:pt x="18474" y="316120"/>
                  </a:cubicBezTo>
                  <a:cubicBezTo>
                    <a:pt x="-6123" y="316954"/>
                    <a:pt x="-6123" y="355101"/>
                    <a:pt x="18266" y="354058"/>
                  </a:cubicBezTo>
                  <a:lnTo>
                    <a:pt x="18266" y="354058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8" name="Freeform: Shape 97">
              <a:extLst>
                <a:ext uri="{FF2B5EF4-FFF2-40B4-BE49-F238E27FC236}">
                  <a16:creationId xmlns:a16="http://schemas.microsoft.com/office/drawing/2014/main" id="{2CFF75EE-30F1-4BA2-A495-2FF639EAA5E1}"/>
                </a:ext>
              </a:extLst>
            </p:cNvPr>
            <p:cNvSpPr/>
            <p:nvPr/>
          </p:nvSpPr>
          <p:spPr>
            <a:xfrm>
              <a:off x="9921004" y="3898954"/>
              <a:ext cx="376821" cy="424839"/>
            </a:xfrm>
            <a:custGeom>
              <a:avLst/>
              <a:gdLst>
                <a:gd name="connsiteX0" fmla="*/ 18370 w 376821"/>
                <a:gd name="connsiteY0" fmla="*/ 424826 h 424839"/>
                <a:gd name="connsiteX1" fmla="*/ 353564 w 376821"/>
                <a:gd name="connsiteY1" fmla="*/ 418781 h 424839"/>
                <a:gd name="connsiteX2" fmla="*/ 371908 w 376821"/>
                <a:gd name="connsiteY2" fmla="*/ 404814 h 424839"/>
                <a:gd name="connsiteX3" fmla="*/ 299783 w 376821"/>
                <a:gd name="connsiteY3" fmla="*/ 9794 h 424839"/>
                <a:gd name="connsiteX4" fmla="*/ 266847 w 376821"/>
                <a:gd name="connsiteY4" fmla="*/ 28972 h 424839"/>
                <a:gd name="connsiteX5" fmla="*/ 336888 w 376821"/>
                <a:gd name="connsiteY5" fmla="*/ 324351 h 424839"/>
                <a:gd name="connsiteX6" fmla="*/ 337513 w 376821"/>
                <a:gd name="connsiteY6" fmla="*/ 373338 h 424839"/>
                <a:gd name="connsiteX7" fmla="*/ 242458 w 376821"/>
                <a:gd name="connsiteY7" fmla="*/ 380425 h 424839"/>
                <a:gd name="connsiteX8" fmla="*/ 18370 w 376821"/>
                <a:gd name="connsiteY8" fmla="*/ 386887 h 424839"/>
                <a:gd name="connsiteX9" fmla="*/ 18370 w 376821"/>
                <a:gd name="connsiteY9" fmla="*/ 424826 h 424839"/>
                <a:gd name="connsiteX10" fmla="*/ 18370 w 376821"/>
                <a:gd name="connsiteY10" fmla="*/ 424826 h 42483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376821" h="424839">
                  <a:moveTo>
                    <a:pt x="18370" y="424826"/>
                  </a:moveTo>
                  <a:cubicBezTo>
                    <a:pt x="130102" y="420657"/>
                    <a:pt x="241833" y="416905"/>
                    <a:pt x="353564" y="418781"/>
                  </a:cubicBezTo>
                  <a:cubicBezTo>
                    <a:pt x="361277" y="418989"/>
                    <a:pt x="370658" y="412944"/>
                    <a:pt x="371908" y="404814"/>
                  </a:cubicBezTo>
                  <a:cubicBezTo>
                    <a:pt x="390669" y="278908"/>
                    <a:pt x="353356" y="123401"/>
                    <a:pt x="299783" y="9794"/>
                  </a:cubicBezTo>
                  <a:cubicBezTo>
                    <a:pt x="289360" y="-12302"/>
                    <a:pt x="256425" y="6875"/>
                    <a:pt x="266847" y="28972"/>
                  </a:cubicBezTo>
                  <a:cubicBezTo>
                    <a:pt x="309372" y="119232"/>
                    <a:pt x="328967" y="225752"/>
                    <a:pt x="336888" y="324351"/>
                  </a:cubicBezTo>
                  <a:cubicBezTo>
                    <a:pt x="338139" y="340610"/>
                    <a:pt x="337930" y="356870"/>
                    <a:pt x="337513" y="373338"/>
                  </a:cubicBezTo>
                  <a:cubicBezTo>
                    <a:pt x="337096" y="386679"/>
                    <a:pt x="252464" y="380217"/>
                    <a:pt x="242458" y="380425"/>
                  </a:cubicBezTo>
                  <a:cubicBezTo>
                    <a:pt x="167623" y="381050"/>
                    <a:pt x="92997" y="384177"/>
                    <a:pt x="18370" y="386887"/>
                  </a:cubicBezTo>
                  <a:cubicBezTo>
                    <a:pt x="-6019" y="387721"/>
                    <a:pt x="-6227" y="425660"/>
                    <a:pt x="18370" y="424826"/>
                  </a:cubicBezTo>
                  <a:lnTo>
                    <a:pt x="18370" y="42482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99" name="Freeform: Shape 98">
              <a:extLst>
                <a:ext uri="{FF2B5EF4-FFF2-40B4-BE49-F238E27FC236}">
                  <a16:creationId xmlns:a16="http://schemas.microsoft.com/office/drawing/2014/main" id="{85C4F285-99B6-4544-917E-382A558B3FA8}"/>
                </a:ext>
              </a:extLst>
            </p:cNvPr>
            <p:cNvSpPr/>
            <p:nvPr/>
          </p:nvSpPr>
          <p:spPr>
            <a:xfrm>
              <a:off x="9713697" y="3805537"/>
              <a:ext cx="344546" cy="309163"/>
            </a:xfrm>
            <a:custGeom>
              <a:avLst/>
              <a:gdLst>
                <a:gd name="connsiteX0" fmla="*/ 18474 w 344546"/>
                <a:gd name="connsiteY0" fmla="*/ 309164 h 309163"/>
                <a:gd name="connsiteX1" fmla="*/ 324277 w 344546"/>
                <a:gd name="connsiteY1" fmla="*/ 308955 h 309163"/>
                <a:gd name="connsiteX2" fmla="*/ 343246 w 344546"/>
                <a:gd name="connsiteY2" fmla="*/ 289986 h 309163"/>
                <a:gd name="connsiteX3" fmla="*/ 340744 w 344546"/>
                <a:gd name="connsiteY3" fmla="*/ 18370 h 309163"/>
                <a:gd name="connsiteX4" fmla="*/ 302597 w 344546"/>
                <a:gd name="connsiteY4" fmla="*/ 18370 h 309163"/>
                <a:gd name="connsiteX5" fmla="*/ 305099 w 344546"/>
                <a:gd name="connsiteY5" fmla="*/ 289986 h 309163"/>
                <a:gd name="connsiteX6" fmla="*/ 324068 w 344546"/>
                <a:gd name="connsiteY6" fmla="*/ 271016 h 309163"/>
                <a:gd name="connsiteX7" fmla="*/ 18266 w 344546"/>
                <a:gd name="connsiteY7" fmla="*/ 271225 h 309163"/>
                <a:gd name="connsiteX8" fmla="*/ 18474 w 344546"/>
                <a:gd name="connsiteY8" fmla="*/ 309164 h 309163"/>
                <a:gd name="connsiteX9" fmla="*/ 18474 w 344546"/>
                <a:gd name="connsiteY9" fmla="*/ 309164 h 3091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44546" h="309163">
                  <a:moveTo>
                    <a:pt x="18474" y="309164"/>
                  </a:moveTo>
                  <a:cubicBezTo>
                    <a:pt x="120408" y="309164"/>
                    <a:pt x="222342" y="303118"/>
                    <a:pt x="324277" y="308955"/>
                  </a:cubicBezTo>
                  <a:cubicBezTo>
                    <a:pt x="334908" y="309580"/>
                    <a:pt x="343037" y="299783"/>
                    <a:pt x="343246" y="289986"/>
                  </a:cubicBezTo>
                  <a:cubicBezTo>
                    <a:pt x="346164" y="199308"/>
                    <a:pt x="343663" y="108839"/>
                    <a:pt x="340744" y="18370"/>
                  </a:cubicBezTo>
                  <a:cubicBezTo>
                    <a:pt x="339911" y="-6019"/>
                    <a:pt x="301763" y="-6227"/>
                    <a:pt x="302597" y="18370"/>
                  </a:cubicBezTo>
                  <a:cubicBezTo>
                    <a:pt x="305516" y="109048"/>
                    <a:pt x="308017" y="199517"/>
                    <a:pt x="305099" y="289986"/>
                  </a:cubicBezTo>
                  <a:cubicBezTo>
                    <a:pt x="311352" y="283524"/>
                    <a:pt x="317814" y="277270"/>
                    <a:pt x="324068" y="271016"/>
                  </a:cubicBezTo>
                  <a:cubicBezTo>
                    <a:pt x="222134" y="265180"/>
                    <a:pt x="120200" y="271225"/>
                    <a:pt x="18266" y="271225"/>
                  </a:cubicBezTo>
                  <a:cubicBezTo>
                    <a:pt x="-6123" y="271016"/>
                    <a:pt x="-6123" y="309164"/>
                    <a:pt x="18474" y="309164"/>
                  </a:cubicBezTo>
                  <a:lnTo>
                    <a:pt x="18474" y="309164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0" name="Freeform: Shape 99">
              <a:extLst>
                <a:ext uri="{FF2B5EF4-FFF2-40B4-BE49-F238E27FC236}">
                  <a16:creationId xmlns:a16="http://schemas.microsoft.com/office/drawing/2014/main" id="{59EA8A71-921E-4592-ACF4-75E72E1FF52E}"/>
                </a:ext>
              </a:extLst>
            </p:cNvPr>
            <p:cNvSpPr/>
            <p:nvPr/>
          </p:nvSpPr>
          <p:spPr>
            <a:xfrm>
              <a:off x="9518610" y="3595780"/>
              <a:ext cx="260260" cy="296175"/>
            </a:xfrm>
            <a:custGeom>
              <a:avLst/>
              <a:gdLst>
                <a:gd name="connsiteX0" fmla="*/ 18240 w 260260"/>
                <a:gd name="connsiteY0" fmla="*/ 291914 h 296175"/>
                <a:gd name="connsiteX1" fmla="*/ 234198 w 260260"/>
                <a:gd name="connsiteY1" fmla="*/ 295875 h 296175"/>
                <a:gd name="connsiteX2" fmla="*/ 257545 w 260260"/>
                <a:gd name="connsiteY2" fmla="*/ 282534 h 296175"/>
                <a:gd name="connsiteX3" fmla="*/ 224609 w 260260"/>
                <a:gd name="connsiteY3" fmla="*/ 18214 h 296175"/>
                <a:gd name="connsiteX4" fmla="*/ 186462 w 260260"/>
                <a:gd name="connsiteY4" fmla="*/ 18214 h 296175"/>
                <a:gd name="connsiteX5" fmla="*/ 220857 w 260260"/>
                <a:gd name="connsiteY5" fmla="*/ 272528 h 296175"/>
                <a:gd name="connsiteX6" fmla="*/ 244204 w 260260"/>
                <a:gd name="connsiteY6" fmla="*/ 259187 h 296175"/>
                <a:gd name="connsiteX7" fmla="*/ 18031 w 260260"/>
                <a:gd name="connsiteY7" fmla="*/ 253975 h 296175"/>
                <a:gd name="connsiteX8" fmla="*/ 18240 w 260260"/>
                <a:gd name="connsiteY8" fmla="*/ 291914 h 296175"/>
                <a:gd name="connsiteX9" fmla="*/ 18240 w 260260"/>
                <a:gd name="connsiteY9" fmla="*/ 291914 h 29617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60260" h="296175">
                  <a:moveTo>
                    <a:pt x="18240" y="291914"/>
                  </a:moveTo>
                  <a:cubicBezTo>
                    <a:pt x="90573" y="284410"/>
                    <a:pt x="162282" y="284201"/>
                    <a:pt x="234198" y="295875"/>
                  </a:cubicBezTo>
                  <a:cubicBezTo>
                    <a:pt x="243370" y="297334"/>
                    <a:pt x="256086" y="293582"/>
                    <a:pt x="257545" y="282534"/>
                  </a:cubicBezTo>
                  <a:cubicBezTo>
                    <a:pt x="270678" y="190814"/>
                    <a:pt x="232322" y="108266"/>
                    <a:pt x="224609" y="18214"/>
                  </a:cubicBezTo>
                  <a:cubicBezTo>
                    <a:pt x="222525" y="-5967"/>
                    <a:pt x="184378" y="-6175"/>
                    <a:pt x="186462" y="18214"/>
                  </a:cubicBezTo>
                  <a:cubicBezTo>
                    <a:pt x="193758" y="103263"/>
                    <a:pt x="233364" y="186436"/>
                    <a:pt x="220857" y="272528"/>
                  </a:cubicBezTo>
                  <a:cubicBezTo>
                    <a:pt x="228778" y="268150"/>
                    <a:pt x="236491" y="263564"/>
                    <a:pt x="244204" y="259187"/>
                  </a:cubicBezTo>
                  <a:cubicBezTo>
                    <a:pt x="168744" y="246888"/>
                    <a:pt x="93909" y="245846"/>
                    <a:pt x="18031" y="253975"/>
                  </a:cubicBezTo>
                  <a:cubicBezTo>
                    <a:pt x="-5941" y="256477"/>
                    <a:pt x="-6149" y="294624"/>
                    <a:pt x="18240" y="291914"/>
                  </a:cubicBezTo>
                  <a:lnTo>
                    <a:pt x="18240" y="291914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1" name="Freeform: Shape 100">
              <a:extLst>
                <a:ext uri="{FF2B5EF4-FFF2-40B4-BE49-F238E27FC236}">
                  <a16:creationId xmlns:a16="http://schemas.microsoft.com/office/drawing/2014/main" id="{EF5E80ED-BB26-417B-9774-D119A0D8D0B1}"/>
                </a:ext>
              </a:extLst>
            </p:cNvPr>
            <p:cNvSpPr/>
            <p:nvPr/>
          </p:nvSpPr>
          <p:spPr>
            <a:xfrm>
              <a:off x="9909618" y="374761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2" name="Freeform: Shape 101">
              <a:extLst>
                <a:ext uri="{FF2B5EF4-FFF2-40B4-BE49-F238E27FC236}">
                  <a16:creationId xmlns:a16="http://schemas.microsoft.com/office/drawing/2014/main" id="{7F1D21ED-6E95-4570-944F-8EABF74BEEEE}"/>
                </a:ext>
              </a:extLst>
            </p:cNvPr>
            <p:cNvSpPr/>
            <p:nvPr/>
          </p:nvSpPr>
          <p:spPr>
            <a:xfrm>
              <a:off x="9842495" y="368757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3" name="Freeform: Shape 102">
              <a:extLst>
                <a:ext uri="{FF2B5EF4-FFF2-40B4-BE49-F238E27FC236}">
                  <a16:creationId xmlns:a16="http://schemas.microsoft.com/office/drawing/2014/main" id="{982BD992-15BF-4B90-9F6A-FBBDD4266D32}"/>
                </a:ext>
              </a:extLst>
            </p:cNvPr>
            <p:cNvSpPr/>
            <p:nvPr/>
          </p:nvSpPr>
          <p:spPr>
            <a:xfrm>
              <a:off x="9924209" y="3668192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4" name="Freeform: Shape 103">
              <a:extLst>
                <a:ext uri="{FF2B5EF4-FFF2-40B4-BE49-F238E27FC236}">
                  <a16:creationId xmlns:a16="http://schemas.microsoft.com/office/drawing/2014/main" id="{9FD3495E-061D-48D7-A8ED-B0B3E0C90DAA}"/>
                </a:ext>
              </a:extLst>
            </p:cNvPr>
            <p:cNvSpPr/>
            <p:nvPr/>
          </p:nvSpPr>
          <p:spPr>
            <a:xfrm>
              <a:off x="9786421" y="427687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5" name="Freeform: Shape 104">
              <a:extLst>
                <a:ext uri="{FF2B5EF4-FFF2-40B4-BE49-F238E27FC236}">
                  <a16:creationId xmlns:a16="http://schemas.microsoft.com/office/drawing/2014/main" id="{6756C804-AA5A-4E99-B89B-A4E06B22D3D9}"/>
                </a:ext>
              </a:extLst>
            </p:cNvPr>
            <p:cNvSpPr/>
            <p:nvPr/>
          </p:nvSpPr>
          <p:spPr>
            <a:xfrm>
              <a:off x="9711169" y="4221638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6" name="Freeform: Shape 105">
              <a:extLst>
                <a:ext uri="{FF2B5EF4-FFF2-40B4-BE49-F238E27FC236}">
                  <a16:creationId xmlns:a16="http://schemas.microsoft.com/office/drawing/2014/main" id="{9EB7525D-81F0-4A62-9220-9EE91CE546FD}"/>
                </a:ext>
              </a:extLst>
            </p:cNvPr>
            <p:cNvSpPr/>
            <p:nvPr/>
          </p:nvSpPr>
          <p:spPr>
            <a:xfrm>
              <a:off x="9809351" y="419266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208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7" name="Freeform: Shape 106">
              <a:extLst>
                <a:ext uri="{FF2B5EF4-FFF2-40B4-BE49-F238E27FC236}">
                  <a16:creationId xmlns:a16="http://schemas.microsoft.com/office/drawing/2014/main" id="{AA1E8B70-F6CE-4CA6-896B-18C217FE17E8}"/>
                </a:ext>
              </a:extLst>
            </p:cNvPr>
            <p:cNvSpPr/>
            <p:nvPr/>
          </p:nvSpPr>
          <p:spPr>
            <a:xfrm>
              <a:off x="9351378" y="3602737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8" name="Freeform: Shape 107">
              <a:extLst>
                <a:ext uri="{FF2B5EF4-FFF2-40B4-BE49-F238E27FC236}">
                  <a16:creationId xmlns:a16="http://schemas.microsoft.com/office/drawing/2014/main" id="{14BA0F80-914D-4DA6-A244-D0F9DD4BCB1F}"/>
                </a:ext>
              </a:extLst>
            </p:cNvPr>
            <p:cNvSpPr/>
            <p:nvPr/>
          </p:nvSpPr>
          <p:spPr>
            <a:xfrm>
              <a:off x="9397863" y="3559796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09" name="Freeform: Shape 108">
              <a:extLst>
                <a:ext uri="{FF2B5EF4-FFF2-40B4-BE49-F238E27FC236}">
                  <a16:creationId xmlns:a16="http://schemas.microsoft.com/office/drawing/2014/main" id="{745C77CA-D2DB-49D9-86E1-95B0B5BAF4E0}"/>
                </a:ext>
              </a:extLst>
            </p:cNvPr>
            <p:cNvSpPr/>
            <p:nvPr/>
          </p:nvSpPr>
          <p:spPr>
            <a:xfrm>
              <a:off x="10271911" y="3846003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10" name="Freeform: Shape 109">
              <a:extLst>
                <a:ext uri="{FF2B5EF4-FFF2-40B4-BE49-F238E27FC236}">
                  <a16:creationId xmlns:a16="http://schemas.microsoft.com/office/drawing/2014/main" id="{81B74302-069F-438B-A4B6-183980C549AA}"/>
                </a:ext>
              </a:extLst>
            </p:cNvPr>
            <p:cNvSpPr/>
            <p:nvPr/>
          </p:nvSpPr>
          <p:spPr>
            <a:xfrm>
              <a:off x="10209583" y="3794307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11" name="Freeform: Shape 110">
              <a:extLst>
                <a:ext uri="{FF2B5EF4-FFF2-40B4-BE49-F238E27FC236}">
                  <a16:creationId xmlns:a16="http://schemas.microsoft.com/office/drawing/2014/main" id="{CEF07532-9B69-4F63-B2F1-DD623EE22710}"/>
                </a:ext>
              </a:extLst>
            </p:cNvPr>
            <p:cNvSpPr/>
            <p:nvPr/>
          </p:nvSpPr>
          <p:spPr>
            <a:xfrm>
              <a:off x="10067209" y="4547660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12" name="Freeform: Shape 111">
              <a:extLst>
                <a:ext uri="{FF2B5EF4-FFF2-40B4-BE49-F238E27FC236}">
                  <a16:creationId xmlns:a16="http://schemas.microsoft.com/office/drawing/2014/main" id="{1A19C230-E8F0-41DD-A58D-40DE6094D70D}"/>
                </a:ext>
              </a:extLst>
            </p:cNvPr>
            <p:cNvSpPr/>
            <p:nvPr/>
          </p:nvSpPr>
          <p:spPr>
            <a:xfrm>
              <a:off x="9991332" y="4520144"/>
              <a:ext cx="55344" cy="57116"/>
            </a:xfrm>
            <a:custGeom>
              <a:avLst/>
              <a:gdLst>
                <a:gd name="connsiteX0" fmla="*/ 27672 w 55344"/>
                <a:gd name="connsiteY0" fmla="*/ 57116 h 57116"/>
                <a:gd name="connsiteX1" fmla="*/ 27672 w 55344"/>
                <a:gd name="connsiteY1" fmla="*/ 0 h 57116"/>
                <a:gd name="connsiteX2" fmla="*/ 27672 w 55344"/>
                <a:gd name="connsiteY2" fmla="*/ 57116 h 57116"/>
                <a:gd name="connsiteX3" fmla="*/ 27672 w 55344"/>
                <a:gd name="connsiteY3" fmla="*/ 57116 h 5711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55344" h="57116">
                  <a:moveTo>
                    <a:pt x="27672" y="57116"/>
                  </a:moveTo>
                  <a:cubicBezTo>
                    <a:pt x="64569" y="57116"/>
                    <a:pt x="64569" y="0"/>
                    <a:pt x="27672" y="0"/>
                  </a:cubicBezTo>
                  <a:cubicBezTo>
                    <a:pt x="-9224" y="0"/>
                    <a:pt x="-9224" y="57116"/>
                    <a:pt x="27672" y="57116"/>
                  </a:cubicBezTo>
                  <a:lnTo>
                    <a:pt x="27672" y="57116"/>
                  </a:lnTo>
                  <a:close/>
                </a:path>
              </a:pathLst>
            </a:custGeom>
            <a:solidFill>
              <a:srgbClr val="46AA9E"/>
            </a:solidFill>
            <a:ln w="20771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pic>
        <p:nvPicPr>
          <p:cNvPr id="139" name="Graphic 138">
            <a:extLst>
              <a:ext uri="{FF2B5EF4-FFF2-40B4-BE49-F238E27FC236}">
                <a16:creationId xmlns:a16="http://schemas.microsoft.com/office/drawing/2014/main" id="{D9426C2D-08C4-461C-B4CE-A005BBCBEDC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=""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 flipH="1">
            <a:off x="-24287" y="2542099"/>
            <a:ext cx="1433328" cy="961600"/>
          </a:xfrm>
          <a:prstGeom prst="rect">
            <a:avLst/>
          </a:prstGeom>
        </p:spPr>
      </p:pic>
      <p:grpSp>
        <p:nvGrpSpPr>
          <p:cNvPr id="140" name="Graphic 243">
            <a:extLst>
              <a:ext uri="{FF2B5EF4-FFF2-40B4-BE49-F238E27FC236}">
                <a16:creationId xmlns:a16="http://schemas.microsoft.com/office/drawing/2014/main" id="{7BDF3D80-AC3E-4B02-9E67-E51808F94685}"/>
              </a:ext>
            </a:extLst>
          </p:cNvPr>
          <p:cNvGrpSpPr/>
          <p:nvPr/>
        </p:nvGrpSpPr>
        <p:grpSpPr>
          <a:xfrm flipH="1">
            <a:off x="429537" y="5431263"/>
            <a:ext cx="1630724" cy="1255169"/>
            <a:chOff x="7982733" y="5589867"/>
            <a:chExt cx="1630724" cy="1255169"/>
          </a:xfrm>
        </p:grpSpPr>
        <p:sp>
          <p:nvSpPr>
            <p:cNvPr id="141" name="Freeform: Shape 140">
              <a:extLst>
                <a:ext uri="{FF2B5EF4-FFF2-40B4-BE49-F238E27FC236}">
                  <a16:creationId xmlns:a16="http://schemas.microsoft.com/office/drawing/2014/main" id="{6028789C-DC36-492C-8451-03C0E1275DC9}"/>
                </a:ext>
              </a:extLst>
            </p:cNvPr>
            <p:cNvSpPr/>
            <p:nvPr/>
          </p:nvSpPr>
          <p:spPr>
            <a:xfrm>
              <a:off x="7982733" y="5589867"/>
              <a:ext cx="1598486" cy="1219662"/>
            </a:xfrm>
            <a:custGeom>
              <a:avLst/>
              <a:gdLst>
                <a:gd name="connsiteX0" fmla="*/ 1598487 w 1598486"/>
                <a:gd name="connsiteY0" fmla="*/ 1219663 h 1219662"/>
                <a:gd name="connsiteX1" fmla="*/ 768595 w 1598486"/>
                <a:gd name="connsiteY1" fmla="*/ 1212352 h 1219662"/>
                <a:gd name="connsiteX2" fmla="*/ 449515 w 1598486"/>
                <a:gd name="connsiteY2" fmla="*/ 1085711 h 1219662"/>
                <a:gd name="connsiteX3" fmla="*/ 709165 w 1598486"/>
                <a:gd name="connsiteY3" fmla="*/ 993029 h 1219662"/>
                <a:gd name="connsiteX4" fmla="*/ 197175 w 1598486"/>
                <a:gd name="connsiteY4" fmla="*/ 831248 h 1219662"/>
                <a:gd name="connsiteX5" fmla="*/ 471683 w 1598486"/>
                <a:gd name="connsiteY5" fmla="*/ 662628 h 1219662"/>
                <a:gd name="connsiteX6" fmla="*/ 5679 w 1598486"/>
                <a:gd name="connsiteY6" fmla="*/ 216671 h 1219662"/>
                <a:gd name="connsiteX7" fmla="*/ 519557 w 1598486"/>
                <a:gd name="connsiteY7" fmla="*/ 386234 h 1219662"/>
                <a:gd name="connsiteX8" fmla="*/ 470504 w 1598486"/>
                <a:gd name="connsiteY8" fmla="*/ 3715 h 1219662"/>
                <a:gd name="connsiteX9" fmla="*/ 854909 w 1598486"/>
                <a:gd name="connsiteY9" fmla="*/ 444720 h 1219662"/>
                <a:gd name="connsiteX10" fmla="*/ 1007493 w 1598486"/>
                <a:gd name="connsiteY10" fmla="*/ 167854 h 1219662"/>
                <a:gd name="connsiteX11" fmla="*/ 1185781 w 1598486"/>
                <a:gd name="connsiteY11" fmla="*/ 552259 h 1219662"/>
                <a:gd name="connsiteX12" fmla="*/ 1389540 w 1598486"/>
                <a:gd name="connsiteY12" fmla="*/ 392129 h 1219662"/>
                <a:gd name="connsiteX13" fmla="*/ 1482694 w 1598486"/>
                <a:gd name="connsiteY13" fmla="*/ 756254 h 1219662"/>
                <a:gd name="connsiteX14" fmla="*/ 1598487 w 1598486"/>
                <a:gd name="connsiteY14" fmla="*/ 1219663 h 12196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1598486" h="1219662">
                  <a:moveTo>
                    <a:pt x="1598487" y="1219663"/>
                  </a:moveTo>
                  <a:cubicBezTo>
                    <a:pt x="1346147" y="1206221"/>
                    <a:pt x="981079" y="1226974"/>
                    <a:pt x="768595" y="1212352"/>
                  </a:cubicBezTo>
                  <a:cubicBezTo>
                    <a:pt x="703977" y="1211409"/>
                    <a:pt x="425224" y="1188062"/>
                    <a:pt x="449515" y="1085711"/>
                  </a:cubicBezTo>
                  <a:cubicBezTo>
                    <a:pt x="459891" y="1026988"/>
                    <a:pt x="663414" y="1003641"/>
                    <a:pt x="709165" y="993029"/>
                  </a:cubicBezTo>
                  <a:cubicBezTo>
                    <a:pt x="598560" y="898224"/>
                    <a:pt x="316977" y="931712"/>
                    <a:pt x="197175" y="831248"/>
                  </a:cubicBezTo>
                  <a:cubicBezTo>
                    <a:pt x="8038" y="674420"/>
                    <a:pt x="366738" y="695173"/>
                    <a:pt x="471683" y="662628"/>
                  </a:cubicBezTo>
                  <a:cubicBezTo>
                    <a:pt x="321694" y="536930"/>
                    <a:pt x="54261" y="390243"/>
                    <a:pt x="5679" y="216671"/>
                  </a:cubicBezTo>
                  <a:cubicBezTo>
                    <a:pt x="-53514" y="-2653"/>
                    <a:pt x="366030" y="245206"/>
                    <a:pt x="519557" y="386234"/>
                  </a:cubicBezTo>
                  <a:cubicBezTo>
                    <a:pt x="499983" y="302278"/>
                    <a:pt x="275471" y="-39207"/>
                    <a:pt x="470504" y="3715"/>
                  </a:cubicBezTo>
                  <a:cubicBezTo>
                    <a:pt x="629690" y="30835"/>
                    <a:pt x="743597" y="277751"/>
                    <a:pt x="854909" y="444720"/>
                  </a:cubicBezTo>
                  <a:cubicBezTo>
                    <a:pt x="874012" y="319729"/>
                    <a:pt x="842410" y="-91090"/>
                    <a:pt x="1007493" y="167854"/>
                  </a:cubicBezTo>
                  <a:cubicBezTo>
                    <a:pt x="1091213" y="285062"/>
                    <a:pt x="1121871" y="382460"/>
                    <a:pt x="1185781" y="552259"/>
                  </a:cubicBezTo>
                  <a:cubicBezTo>
                    <a:pt x="1251343" y="488820"/>
                    <a:pt x="1273747" y="274449"/>
                    <a:pt x="1389540" y="392129"/>
                  </a:cubicBezTo>
                  <a:cubicBezTo>
                    <a:pt x="1443781" y="451795"/>
                    <a:pt x="1472317" y="678193"/>
                    <a:pt x="1482694" y="756254"/>
                  </a:cubicBezTo>
                  <a:cubicBezTo>
                    <a:pt x="1508635" y="902941"/>
                    <a:pt x="1543538" y="1087833"/>
                    <a:pt x="1598487" y="1219663"/>
                  </a:cubicBezTo>
                </a:path>
              </a:pathLst>
            </a:custGeom>
            <a:solidFill>
              <a:srgbClr val="CFD690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2" name="Freeform: Shape 141">
              <a:extLst>
                <a:ext uri="{FF2B5EF4-FFF2-40B4-BE49-F238E27FC236}">
                  <a16:creationId xmlns:a16="http://schemas.microsoft.com/office/drawing/2014/main" id="{B7E6FEF5-651A-49FF-8CC2-FFC8A6C0B3D2}"/>
                </a:ext>
              </a:extLst>
            </p:cNvPr>
            <p:cNvSpPr/>
            <p:nvPr/>
          </p:nvSpPr>
          <p:spPr>
            <a:xfrm>
              <a:off x="8178631" y="5864164"/>
              <a:ext cx="1434826" cy="980872"/>
            </a:xfrm>
            <a:custGeom>
              <a:avLst/>
              <a:gdLst>
                <a:gd name="connsiteX0" fmla="*/ 1424757 w 1434826"/>
                <a:gd name="connsiteY0" fmla="*/ 940177 h 980872"/>
                <a:gd name="connsiteX1" fmla="*/ 32171 w 1434826"/>
                <a:gd name="connsiteY1" fmla="*/ 2982 h 980872"/>
                <a:gd name="connsiteX2" fmla="*/ 10474 w 1434826"/>
                <a:gd name="connsiteY2" fmla="*/ 40244 h 980872"/>
                <a:gd name="connsiteX3" fmla="*/ 1403061 w 1434826"/>
                <a:gd name="connsiteY3" fmla="*/ 977439 h 980872"/>
                <a:gd name="connsiteX4" fmla="*/ 1424757 w 1434826"/>
                <a:gd name="connsiteY4" fmla="*/ 940177 h 980872"/>
                <a:gd name="connsiteX5" fmla="*/ 1424757 w 1434826"/>
                <a:gd name="connsiteY5" fmla="*/ 940177 h 98087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434826" h="980872">
                  <a:moveTo>
                    <a:pt x="1424757" y="940177"/>
                  </a:moveTo>
                  <a:cubicBezTo>
                    <a:pt x="950028" y="643501"/>
                    <a:pt x="518691" y="281499"/>
                    <a:pt x="32171" y="2982"/>
                  </a:cubicBezTo>
                  <a:cubicBezTo>
                    <a:pt x="8116" y="-10696"/>
                    <a:pt x="-13581" y="26329"/>
                    <a:pt x="10474" y="40244"/>
                  </a:cubicBezTo>
                  <a:cubicBezTo>
                    <a:pt x="496995" y="318761"/>
                    <a:pt x="928331" y="680762"/>
                    <a:pt x="1403061" y="977439"/>
                  </a:cubicBezTo>
                  <a:cubicBezTo>
                    <a:pt x="1426644" y="992296"/>
                    <a:pt x="1448104" y="955035"/>
                    <a:pt x="1424757" y="940177"/>
                  </a:cubicBezTo>
                  <a:lnTo>
                    <a:pt x="1424757" y="940177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3" name="Freeform: Shape 142">
              <a:extLst>
                <a:ext uri="{FF2B5EF4-FFF2-40B4-BE49-F238E27FC236}">
                  <a16:creationId xmlns:a16="http://schemas.microsoft.com/office/drawing/2014/main" id="{4320D53C-566D-47CE-AFC2-948D58E91E90}"/>
                </a:ext>
              </a:extLst>
            </p:cNvPr>
            <p:cNvSpPr/>
            <p:nvPr/>
          </p:nvSpPr>
          <p:spPr>
            <a:xfrm>
              <a:off x="8349663" y="5784809"/>
              <a:ext cx="528127" cy="613347"/>
            </a:xfrm>
            <a:custGeom>
              <a:avLst/>
              <a:gdLst>
                <a:gd name="connsiteX0" fmla="*/ 26692 w 528127"/>
                <a:gd name="connsiteY0" fmla="*/ 612488 h 613347"/>
                <a:gd name="connsiteX1" fmla="*/ 506138 w 528127"/>
                <a:gd name="connsiteY1" fmla="*/ 556360 h 613347"/>
                <a:gd name="connsiteX2" fmla="*/ 526892 w 528127"/>
                <a:gd name="connsiteY2" fmla="*/ 529003 h 613347"/>
                <a:gd name="connsiteX3" fmla="*/ 211820 w 528127"/>
                <a:gd name="connsiteY3" fmla="*/ 10173 h 613347"/>
                <a:gd name="connsiteX4" fmla="*/ 174559 w 528127"/>
                <a:gd name="connsiteY4" fmla="*/ 31870 h 613347"/>
                <a:gd name="connsiteX5" fmla="*/ 485385 w 528127"/>
                <a:gd name="connsiteY5" fmla="*/ 540559 h 613347"/>
                <a:gd name="connsiteX6" fmla="*/ 506138 w 528127"/>
                <a:gd name="connsiteY6" fmla="*/ 513202 h 613347"/>
                <a:gd name="connsiteX7" fmla="*/ 15373 w 528127"/>
                <a:gd name="connsiteY7" fmla="*/ 570981 h 613347"/>
                <a:gd name="connsiteX8" fmla="*/ 26692 w 528127"/>
                <a:gd name="connsiteY8" fmla="*/ 612488 h 613347"/>
                <a:gd name="connsiteX9" fmla="*/ 26692 w 528127"/>
                <a:gd name="connsiteY9" fmla="*/ 612488 h 61334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28127" h="613347">
                  <a:moveTo>
                    <a:pt x="26692" y="612488"/>
                  </a:moveTo>
                  <a:cubicBezTo>
                    <a:pt x="183049" y="570038"/>
                    <a:pt x="344830" y="560133"/>
                    <a:pt x="506138" y="556360"/>
                  </a:cubicBezTo>
                  <a:cubicBezTo>
                    <a:pt x="518873" y="556124"/>
                    <a:pt x="532316" y="542681"/>
                    <a:pt x="526892" y="529003"/>
                  </a:cubicBezTo>
                  <a:cubicBezTo>
                    <a:pt x="451897" y="343168"/>
                    <a:pt x="317001" y="179736"/>
                    <a:pt x="211820" y="10173"/>
                  </a:cubicBezTo>
                  <a:cubicBezTo>
                    <a:pt x="197199" y="-13410"/>
                    <a:pt x="159937" y="8287"/>
                    <a:pt x="174559" y="31870"/>
                  </a:cubicBezTo>
                  <a:cubicBezTo>
                    <a:pt x="277382" y="197895"/>
                    <a:pt x="411806" y="358497"/>
                    <a:pt x="485385" y="540559"/>
                  </a:cubicBezTo>
                  <a:cubicBezTo>
                    <a:pt x="492224" y="531361"/>
                    <a:pt x="499299" y="522400"/>
                    <a:pt x="506138" y="513202"/>
                  </a:cubicBezTo>
                  <a:cubicBezTo>
                    <a:pt x="341056" y="517212"/>
                    <a:pt x="175266" y="527588"/>
                    <a:pt x="15373" y="570981"/>
                  </a:cubicBezTo>
                  <a:cubicBezTo>
                    <a:pt x="-11512" y="578292"/>
                    <a:pt x="-192" y="619798"/>
                    <a:pt x="26692" y="612488"/>
                  </a:cubicBezTo>
                  <a:lnTo>
                    <a:pt x="26692" y="612488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4" name="Freeform: Shape 143">
              <a:extLst>
                <a:ext uri="{FF2B5EF4-FFF2-40B4-BE49-F238E27FC236}">
                  <a16:creationId xmlns:a16="http://schemas.microsoft.com/office/drawing/2014/main" id="{581D1EC4-8332-43D4-8FA9-FED0B8130EA4}"/>
                </a:ext>
              </a:extLst>
            </p:cNvPr>
            <p:cNvSpPr/>
            <p:nvPr/>
          </p:nvSpPr>
          <p:spPr>
            <a:xfrm>
              <a:off x="8710163" y="5950838"/>
              <a:ext cx="396569" cy="579954"/>
            </a:xfrm>
            <a:custGeom>
              <a:avLst/>
              <a:gdLst>
                <a:gd name="connsiteX0" fmla="*/ 27015 w 396569"/>
                <a:gd name="connsiteY0" fmla="*/ 579467 h 579954"/>
                <a:gd name="connsiteX1" fmla="*/ 380763 w 396569"/>
                <a:gd name="connsiteY1" fmla="*/ 545036 h 579954"/>
                <a:gd name="connsiteX2" fmla="*/ 396564 w 396569"/>
                <a:gd name="connsiteY2" fmla="*/ 524282 h 579954"/>
                <a:gd name="connsiteX3" fmla="*/ 278412 w 396569"/>
                <a:gd name="connsiteY3" fmla="*/ 15358 h 579954"/>
                <a:gd name="connsiteX4" fmla="*/ 236906 w 396569"/>
                <a:gd name="connsiteY4" fmla="*/ 26913 h 579954"/>
                <a:gd name="connsiteX5" fmla="*/ 339021 w 396569"/>
                <a:gd name="connsiteY5" fmla="*/ 405187 h 579954"/>
                <a:gd name="connsiteX6" fmla="*/ 352935 w 396569"/>
                <a:gd name="connsiteY6" fmla="*/ 501171 h 579954"/>
                <a:gd name="connsiteX7" fmla="*/ 213794 w 396569"/>
                <a:gd name="connsiteY7" fmla="*/ 516500 h 579954"/>
                <a:gd name="connsiteX8" fmla="*/ 15460 w 396569"/>
                <a:gd name="connsiteY8" fmla="*/ 538197 h 579954"/>
                <a:gd name="connsiteX9" fmla="*/ 27015 w 396569"/>
                <a:gd name="connsiteY9" fmla="*/ 579467 h 579954"/>
                <a:gd name="connsiteX10" fmla="*/ 27015 w 396569"/>
                <a:gd name="connsiteY10" fmla="*/ 579467 h 57995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396569" h="579954">
                  <a:moveTo>
                    <a:pt x="27015" y="579467"/>
                  </a:moveTo>
                  <a:cubicBezTo>
                    <a:pt x="143752" y="555884"/>
                    <a:pt x="263319" y="561780"/>
                    <a:pt x="380763" y="545036"/>
                  </a:cubicBezTo>
                  <a:cubicBezTo>
                    <a:pt x="389960" y="543856"/>
                    <a:pt x="396800" y="533008"/>
                    <a:pt x="396564" y="524282"/>
                  </a:cubicBezTo>
                  <a:cubicBezTo>
                    <a:pt x="391611" y="350003"/>
                    <a:pt x="318975" y="183034"/>
                    <a:pt x="278412" y="15358"/>
                  </a:cubicBezTo>
                  <a:cubicBezTo>
                    <a:pt x="271809" y="-11527"/>
                    <a:pt x="230302" y="-207"/>
                    <a:pt x="236906" y="26913"/>
                  </a:cubicBezTo>
                  <a:cubicBezTo>
                    <a:pt x="267800" y="153791"/>
                    <a:pt x="310721" y="277602"/>
                    <a:pt x="339021" y="405187"/>
                  </a:cubicBezTo>
                  <a:cubicBezTo>
                    <a:pt x="346096" y="436789"/>
                    <a:pt x="350105" y="468862"/>
                    <a:pt x="352935" y="501171"/>
                  </a:cubicBezTo>
                  <a:cubicBezTo>
                    <a:pt x="353878" y="512255"/>
                    <a:pt x="225821" y="516028"/>
                    <a:pt x="213794" y="516500"/>
                  </a:cubicBezTo>
                  <a:cubicBezTo>
                    <a:pt x="146818" y="519566"/>
                    <a:pt x="81257" y="524754"/>
                    <a:pt x="15460" y="538197"/>
                  </a:cubicBezTo>
                  <a:cubicBezTo>
                    <a:pt x="-11661" y="543385"/>
                    <a:pt x="-105" y="584891"/>
                    <a:pt x="27015" y="579467"/>
                  </a:cubicBezTo>
                  <a:lnTo>
                    <a:pt x="27015" y="579467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5" name="Freeform: Shape 144">
              <a:extLst>
                <a:ext uri="{FF2B5EF4-FFF2-40B4-BE49-F238E27FC236}">
                  <a16:creationId xmlns:a16="http://schemas.microsoft.com/office/drawing/2014/main" id="{7F7A3021-AC94-4378-9EF3-F7F7652BCC55}"/>
                </a:ext>
              </a:extLst>
            </p:cNvPr>
            <p:cNvSpPr/>
            <p:nvPr/>
          </p:nvSpPr>
          <p:spPr>
            <a:xfrm>
              <a:off x="8916292" y="6173899"/>
              <a:ext cx="458094" cy="550259"/>
            </a:xfrm>
            <a:custGeom>
              <a:avLst/>
              <a:gdLst>
                <a:gd name="connsiteX0" fmla="*/ 20871 w 458094"/>
                <a:gd name="connsiteY0" fmla="*/ 550260 h 550259"/>
                <a:gd name="connsiteX1" fmla="*/ 436878 w 458094"/>
                <a:gd name="connsiteY1" fmla="*/ 541534 h 550259"/>
                <a:gd name="connsiteX2" fmla="*/ 457632 w 458094"/>
                <a:gd name="connsiteY2" fmla="*/ 514177 h 550259"/>
                <a:gd name="connsiteX3" fmla="*/ 389476 w 458094"/>
                <a:gd name="connsiteY3" fmla="*/ 15629 h 550259"/>
                <a:gd name="connsiteX4" fmla="*/ 347970 w 458094"/>
                <a:gd name="connsiteY4" fmla="*/ 27185 h 550259"/>
                <a:gd name="connsiteX5" fmla="*/ 416125 w 458094"/>
                <a:gd name="connsiteY5" fmla="*/ 525733 h 550259"/>
                <a:gd name="connsiteX6" fmla="*/ 436878 w 458094"/>
                <a:gd name="connsiteY6" fmla="*/ 498377 h 550259"/>
                <a:gd name="connsiteX7" fmla="*/ 20871 w 458094"/>
                <a:gd name="connsiteY7" fmla="*/ 507102 h 550259"/>
                <a:gd name="connsiteX8" fmla="*/ 20871 w 458094"/>
                <a:gd name="connsiteY8" fmla="*/ 550260 h 550259"/>
                <a:gd name="connsiteX9" fmla="*/ 20871 w 458094"/>
                <a:gd name="connsiteY9" fmla="*/ 550260 h 5502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58094" h="550259">
                  <a:moveTo>
                    <a:pt x="20871" y="550260"/>
                  </a:moveTo>
                  <a:cubicBezTo>
                    <a:pt x="159540" y="550260"/>
                    <a:pt x="298209" y="548609"/>
                    <a:pt x="436878" y="541534"/>
                  </a:cubicBezTo>
                  <a:cubicBezTo>
                    <a:pt x="451736" y="540826"/>
                    <a:pt x="460226" y="528327"/>
                    <a:pt x="457632" y="514177"/>
                  </a:cubicBezTo>
                  <a:cubicBezTo>
                    <a:pt x="427209" y="349095"/>
                    <a:pt x="412116" y="181891"/>
                    <a:pt x="389476" y="15629"/>
                  </a:cubicBezTo>
                  <a:cubicBezTo>
                    <a:pt x="385703" y="-11727"/>
                    <a:pt x="344196" y="-172"/>
                    <a:pt x="347970" y="27185"/>
                  </a:cubicBezTo>
                  <a:cubicBezTo>
                    <a:pt x="370610" y="193446"/>
                    <a:pt x="385703" y="360651"/>
                    <a:pt x="416125" y="525733"/>
                  </a:cubicBezTo>
                  <a:cubicBezTo>
                    <a:pt x="422964" y="516536"/>
                    <a:pt x="430039" y="507574"/>
                    <a:pt x="436878" y="498377"/>
                  </a:cubicBezTo>
                  <a:cubicBezTo>
                    <a:pt x="298209" y="505452"/>
                    <a:pt x="159540" y="507102"/>
                    <a:pt x="20871" y="507102"/>
                  </a:cubicBezTo>
                  <a:cubicBezTo>
                    <a:pt x="-6957" y="507102"/>
                    <a:pt x="-6957" y="550260"/>
                    <a:pt x="20871" y="550260"/>
                  </a:cubicBezTo>
                  <a:lnTo>
                    <a:pt x="20871" y="550260"/>
                  </a:lnTo>
                  <a:close/>
                </a:path>
              </a:pathLst>
            </a:custGeom>
            <a:solidFill>
              <a:srgbClr val="0E514A"/>
            </a:solidFill>
            <a:ln w="23467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pic>
        <p:nvPicPr>
          <p:cNvPr id="148" name="Graphic 147">
            <a:extLst>
              <a:ext uri="{FF2B5EF4-FFF2-40B4-BE49-F238E27FC236}">
                <a16:creationId xmlns:a16="http://schemas.microsoft.com/office/drawing/2014/main" id="{A13F9806-5E01-4D31-99CE-634A01FFFC03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10540289" y="844462"/>
            <a:ext cx="1460633" cy="684352"/>
          </a:xfrm>
          <a:prstGeom prst="rect">
            <a:avLst/>
          </a:prstGeom>
        </p:spPr>
      </p:pic>
      <p:pic>
        <p:nvPicPr>
          <p:cNvPr id="150" name="Graphic 149">
            <a:extLst>
              <a:ext uri="{FF2B5EF4-FFF2-40B4-BE49-F238E27FC236}">
                <a16:creationId xmlns:a16="http://schemas.microsoft.com/office/drawing/2014/main" id="{C8FEB1EA-94CD-44BB-9380-9A56DEFD2BD6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6986742" y="783647"/>
            <a:ext cx="2444487" cy="1145318"/>
          </a:xfrm>
          <a:prstGeom prst="rect">
            <a:avLst/>
          </a:prstGeom>
        </p:spPr>
      </p:pic>
      <p:pic>
        <p:nvPicPr>
          <p:cNvPr id="152" name="Graphic 151">
            <a:extLst>
              <a:ext uri="{FF2B5EF4-FFF2-40B4-BE49-F238E27FC236}">
                <a16:creationId xmlns:a16="http://schemas.microsoft.com/office/drawing/2014/main" id="{1FF44AEB-FC35-4ACB-B187-BDA1B909BC40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9411504" y="2544742"/>
            <a:ext cx="1090936" cy="511137"/>
          </a:xfrm>
          <a:prstGeom prst="rect">
            <a:avLst/>
          </a:prstGeom>
        </p:spPr>
      </p:pic>
      <p:pic>
        <p:nvPicPr>
          <p:cNvPr id="154" name="Graphic 153">
            <a:extLst>
              <a:ext uri="{FF2B5EF4-FFF2-40B4-BE49-F238E27FC236}">
                <a16:creationId xmlns:a16="http://schemas.microsoft.com/office/drawing/2014/main" id="{4E125F4B-7A9D-4C42-B965-30BF58A305B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3363726" y="653783"/>
            <a:ext cx="1460633" cy="684352"/>
          </a:xfrm>
          <a:prstGeom prst="rect">
            <a:avLst/>
          </a:prstGeom>
        </p:spPr>
      </p:pic>
      <p:pic>
        <p:nvPicPr>
          <p:cNvPr id="156" name="Graphic 155">
            <a:extLst>
              <a:ext uri="{FF2B5EF4-FFF2-40B4-BE49-F238E27FC236}">
                <a16:creationId xmlns:a16="http://schemas.microsoft.com/office/drawing/2014/main" id="{7967F9D1-D364-43AC-B561-F29775D4C7AB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-356554" y="1033011"/>
            <a:ext cx="2444487" cy="1145318"/>
          </a:xfrm>
          <a:prstGeom prst="rect">
            <a:avLst/>
          </a:prstGeom>
        </p:spPr>
      </p:pic>
      <p:pic>
        <p:nvPicPr>
          <p:cNvPr id="158" name="Graphic 157">
            <a:extLst>
              <a:ext uri="{FF2B5EF4-FFF2-40B4-BE49-F238E27FC236}">
                <a16:creationId xmlns:a16="http://schemas.microsoft.com/office/drawing/2014/main" id="{91C03452-DE87-41E8-8D3C-117CDB3F39C3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2935202" y="4449321"/>
            <a:ext cx="1090936" cy="511137"/>
          </a:xfrm>
          <a:prstGeom prst="rect">
            <a:avLst/>
          </a:prstGeom>
        </p:spPr>
      </p:pic>
      <p:sp>
        <p:nvSpPr>
          <p:cNvPr id="113" name="Rectangle 112">
            <a:extLst>
              <a:ext uri="{FF2B5EF4-FFF2-40B4-BE49-F238E27FC236}">
                <a16:creationId xmlns:a16="http://schemas.microsoft.com/office/drawing/2014/main" id="{BF2441EE-AE8A-4F53-8549-3EED6C91F9DD}"/>
              </a:ext>
            </a:extLst>
          </p:cNvPr>
          <p:cNvSpPr/>
          <p:nvPr/>
        </p:nvSpPr>
        <p:spPr>
          <a:xfrm>
            <a:off x="2691198" y="1357663"/>
            <a:ext cx="6948819" cy="4469328"/>
          </a:xfrm>
          <a:prstGeom prst="rect">
            <a:avLst/>
          </a:prstGeom>
          <a:ln w="190500" cmpd="tri">
            <a:solidFill>
              <a:srgbClr val="000000"/>
            </a:solidFill>
          </a:ln>
          <a:scene3d>
            <a:camera prst="orthographicFront"/>
            <a:lightRig rig="threePt" dir="t"/>
          </a:scene3d>
          <a:sp3d>
            <a:bevelT w="114300" prst="hardEdge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17" name="Graphic 4">
            <a:extLst>
              <a:ext uri="{FF2B5EF4-FFF2-40B4-BE49-F238E27FC236}">
                <a16:creationId xmlns:a16="http://schemas.microsoft.com/office/drawing/2014/main" id="{84002444-56AE-43F4-B6BA-BE81CBAF5413}"/>
              </a:ext>
            </a:extLst>
          </p:cNvPr>
          <p:cNvGrpSpPr/>
          <p:nvPr/>
        </p:nvGrpSpPr>
        <p:grpSpPr>
          <a:xfrm rot="21068396">
            <a:off x="1068475" y="357164"/>
            <a:ext cx="2095552" cy="6030346"/>
            <a:chOff x="2283958" y="833662"/>
            <a:chExt cx="2095552" cy="6030346"/>
          </a:xfrm>
        </p:grpSpPr>
        <p:sp>
          <p:nvSpPr>
            <p:cNvPr id="118" name="Freeform: Shape 117">
              <a:extLst>
                <a:ext uri="{FF2B5EF4-FFF2-40B4-BE49-F238E27FC236}">
                  <a16:creationId xmlns:a16="http://schemas.microsoft.com/office/drawing/2014/main" id="{3D3765F0-6731-4915-BB98-8F233AD82B33}"/>
                </a:ext>
              </a:extLst>
            </p:cNvPr>
            <p:cNvSpPr/>
            <p:nvPr/>
          </p:nvSpPr>
          <p:spPr>
            <a:xfrm>
              <a:off x="3128666" y="2624308"/>
              <a:ext cx="558594" cy="558694"/>
            </a:xfrm>
            <a:custGeom>
              <a:avLst/>
              <a:gdLst>
                <a:gd name="connsiteX0" fmla="*/ 531560 w 558594"/>
                <a:gd name="connsiteY0" fmla="*/ 153111 h 558694"/>
                <a:gd name="connsiteX1" fmla="*/ 403483 w 558594"/>
                <a:gd name="connsiteY1" fmla="*/ 519157 h 558694"/>
                <a:gd name="connsiteX2" fmla="*/ 31113 w 558594"/>
                <a:gd name="connsiteY2" fmla="*/ 445316 h 558694"/>
                <a:gd name="connsiteX3" fmla="*/ 137685 w 558594"/>
                <a:gd name="connsiteY3" fmla="*/ 27249 h 558694"/>
                <a:gd name="connsiteX4" fmla="*/ 531560 w 558594"/>
                <a:gd name="connsiteY4" fmla="*/ 153111 h 5586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58594" h="558694">
                  <a:moveTo>
                    <a:pt x="531560" y="153111"/>
                  </a:moveTo>
                  <a:cubicBezTo>
                    <a:pt x="603346" y="273598"/>
                    <a:pt x="522389" y="448320"/>
                    <a:pt x="403483" y="519157"/>
                  </a:cubicBezTo>
                  <a:cubicBezTo>
                    <a:pt x="284578" y="589994"/>
                    <a:pt x="102899" y="565802"/>
                    <a:pt x="31113" y="445316"/>
                  </a:cubicBezTo>
                  <a:cubicBezTo>
                    <a:pt x="-40673" y="324829"/>
                    <a:pt x="18780" y="98086"/>
                    <a:pt x="137685" y="27249"/>
                  </a:cubicBezTo>
                  <a:cubicBezTo>
                    <a:pt x="256433" y="-43589"/>
                    <a:pt x="459774" y="32625"/>
                    <a:pt x="531560" y="153111"/>
                  </a:cubicBezTo>
                  <a:close/>
                </a:path>
              </a:pathLst>
            </a:custGeom>
            <a:solidFill>
              <a:srgbClr val="EA4E4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19" name="Freeform: Shape 118">
              <a:extLst>
                <a:ext uri="{FF2B5EF4-FFF2-40B4-BE49-F238E27FC236}">
                  <a16:creationId xmlns:a16="http://schemas.microsoft.com/office/drawing/2014/main" id="{CBE55A32-2DB0-4847-B23C-81A76E37FD36}"/>
                </a:ext>
              </a:extLst>
            </p:cNvPr>
            <p:cNvSpPr/>
            <p:nvPr/>
          </p:nvSpPr>
          <p:spPr>
            <a:xfrm>
              <a:off x="3092944" y="6072409"/>
              <a:ext cx="396398" cy="396366"/>
            </a:xfrm>
            <a:custGeom>
              <a:avLst/>
              <a:gdLst>
                <a:gd name="connsiteX0" fmla="*/ 377222 w 396398"/>
                <a:gd name="connsiteY0" fmla="*/ 108682 h 396366"/>
                <a:gd name="connsiteX1" fmla="*/ 286304 w 396398"/>
                <a:gd name="connsiteY1" fmla="*/ 368314 h 396366"/>
                <a:gd name="connsiteX2" fmla="*/ 22087 w 396398"/>
                <a:gd name="connsiteY2" fmla="*/ 315976 h 396366"/>
                <a:gd name="connsiteX3" fmla="*/ 97668 w 396398"/>
                <a:gd name="connsiteY3" fmla="*/ 19345 h 396366"/>
                <a:gd name="connsiteX4" fmla="*/ 377222 w 396398"/>
                <a:gd name="connsiteY4" fmla="*/ 108682 h 3963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96398" h="396366">
                  <a:moveTo>
                    <a:pt x="377222" y="108682"/>
                  </a:moveTo>
                  <a:cubicBezTo>
                    <a:pt x="428137" y="194225"/>
                    <a:pt x="370740" y="318032"/>
                    <a:pt x="286304" y="368314"/>
                  </a:cubicBezTo>
                  <a:cubicBezTo>
                    <a:pt x="201868" y="418596"/>
                    <a:pt x="73001" y="401361"/>
                    <a:pt x="22087" y="315976"/>
                  </a:cubicBezTo>
                  <a:cubicBezTo>
                    <a:pt x="-28827" y="230434"/>
                    <a:pt x="13232" y="69627"/>
                    <a:pt x="97668" y="19345"/>
                  </a:cubicBezTo>
                  <a:cubicBezTo>
                    <a:pt x="182104" y="-30937"/>
                    <a:pt x="326308" y="23140"/>
                    <a:pt x="377222" y="108682"/>
                  </a:cubicBezTo>
                  <a:close/>
                </a:path>
              </a:pathLst>
            </a:custGeom>
            <a:solidFill>
              <a:srgbClr val="FCD349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0" name="Freeform: Shape 119">
              <a:extLst>
                <a:ext uri="{FF2B5EF4-FFF2-40B4-BE49-F238E27FC236}">
                  <a16:creationId xmlns:a16="http://schemas.microsoft.com/office/drawing/2014/main" id="{C47AD2FF-CF58-4A0A-B9B8-ABDC399F5938}"/>
                </a:ext>
              </a:extLst>
            </p:cNvPr>
            <p:cNvSpPr/>
            <p:nvPr/>
          </p:nvSpPr>
          <p:spPr>
            <a:xfrm>
              <a:off x="2541968" y="2819457"/>
              <a:ext cx="307468" cy="309511"/>
            </a:xfrm>
            <a:custGeom>
              <a:avLst/>
              <a:gdLst>
                <a:gd name="connsiteX0" fmla="*/ 288765 w 307468"/>
                <a:gd name="connsiteY0" fmla="*/ 75129 h 309511"/>
                <a:gd name="connsiteX1" fmla="*/ 230577 w 307468"/>
                <a:gd name="connsiteY1" fmla="*/ 282107 h 309511"/>
                <a:gd name="connsiteX2" fmla="*/ 22018 w 307468"/>
                <a:gd name="connsiteY2" fmla="*/ 254120 h 309511"/>
                <a:gd name="connsiteX3" fmla="*/ 66608 w 307468"/>
                <a:gd name="connsiteY3" fmla="*/ 19155 h 309511"/>
                <a:gd name="connsiteX4" fmla="*/ 288765 w 307468"/>
                <a:gd name="connsiteY4" fmla="*/ 75129 h 3095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07468" h="309511">
                  <a:moveTo>
                    <a:pt x="288765" y="75129"/>
                  </a:moveTo>
                  <a:cubicBezTo>
                    <a:pt x="332564" y="139325"/>
                    <a:pt x="293825" y="238782"/>
                    <a:pt x="230577" y="282107"/>
                  </a:cubicBezTo>
                  <a:cubicBezTo>
                    <a:pt x="167172" y="325431"/>
                    <a:pt x="65975" y="318316"/>
                    <a:pt x="22018" y="254120"/>
                  </a:cubicBezTo>
                  <a:cubicBezTo>
                    <a:pt x="-21781" y="189924"/>
                    <a:pt x="3202" y="62479"/>
                    <a:pt x="66608" y="19155"/>
                  </a:cubicBezTo>
                  <a:cubicBezTo>
                    <a:pt x="129856" y="-24170"/>
                    <a:pt x="244808" y="10933"/>
                    <a:pt x="288765" y="75129"/>
                  </a:cubicBezTo>
                  <a:close/>
                </a:path>
              </a:pathLst>
            </a:custGeom>
            <a:solidFill>
              <a:srgbClr val="8DCEB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1" name="Freeform: Shape 120">
              <a:extLst>
                <a:ext uri="{FF2B5EF4-FFF2-40B4-BE49-F238E27FC236}">
                  <a16:creationId xmlns:a16="http://schemas.microsoft.com/office/drawing/2014/main" id="{4C8E497F-7BAB-4D51-BB7C-F810C7867C14}"/>
                </a:ext>
              </a:extLst>
            </p:cNvPr>
            <p:cNvSpPr/>
            <p:nvPr/>
          </p:nvSpPr>
          <p:spPr>
            <a:xfrm>
              <a:off x="3199441" y="1157656"/>
              <a:ext cx="309772" cy="309680"/>
            </a:xfrm>
            <a:custGeom>
              <a:avLst/>
              <a:gdLst>
                <a:gd name="connsiteX0" fmla="*/ 294760 w 309772"/>
                <a:gd name="connsiteY0" fmla="*/ 84902 h 309680"/>
                <a:gd name="connsiteX1" fmla="*/ 223765 w 309772"/>
                <a:gd name="connsiteY1" fmla="*/ 287768 h 309680"/>
                <a:gd name="connsiteX2" fmla="*/ 17261 w 309772"/>
                <a:gd name="connsiteY2" fmla="*/ 246816 h 309680"/>
                <a:gd name="connsiteX3" fmla="*/ 76398 w 309772"/>
                <a:gd name="connsiteY3" fmla="*/ 15171 h 309680"/>
                <a:gd name="connsiteX4" fmla="*/ 294760 w 309772"/>
                <a:gd name="connsiteY4" fmla="*/ 84902 h 30968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09772" h="309680">
                  <a:moveTo>
                    <a:pt x="294760" y="84902"/>
                  </a:moveTo>
                  <a:cubicBezTo>
                    <a:pt x="334606" y="151628"/>
                    <a:pt x="289701" y="248555"/>
                    <a:pt x="223765" y="287768"/>
                  </a:cubicBezTo>
                  <a:cubicBezTo>
                    <a:pt x="157829" y="326982"/>
                    <a:pt x="57107" y="313700"/>
                    <a:pt x="17261" y="246816"/>
                  </a:cubicBezTo>
                  <a:cubicBezTo>
                    <a:pt x="-22585" y="180089"/>
                    <a:pt x="10462" y="54385"/>
                    <a:pt x="76398" y="15171"/>
                  </a:cubicBezTo>
                  <a:cubicBezTo>
                    <a:pt x="142334" y="-24201"/>
                    <a:pt x="254914" y="18017"/>
                    <a:pt x="294760" y="84902"/>
                  </a:cubicBezTo>
                  <a:close/>
                </a:path>
              </a:pathLst>
            </a:custGeom>
            <a:solidFill>
              <a:srgbClr val="AFAFA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2" name="Freeform: Shape 121">
              <a:extLst>
                <a:ext uri="{FF2B5EF4-FFF2-40B4-BE49-F238E27FC236}">
                  <a16:creationId xmlns:a16="http://schemas.microsoft.com/office/drawing/2014/main" id="{44004BA2-4AAF-4A07-B2BF-D8BECF1578B3}"/>
                </a:ext>
              </a:extLst>
            </p:cNvPr>
            <p:cNvSpPr/>
            <p:nvPr/>
          </p:nvSpPr>
          <p:spPr>
            <a:xfrm>
              <a:off x="2535037" y="1971601"/>
              <a:ext cx="573858" cy="550149"/>
            </a:xfrm>
            <a:custGeom>
              <a:avLst/>
              <a:gdLst>
                <a:gd name="connsiteX0" fmla="*/ 565922 w 573858"/>
                <a:gd name="connsiteY0" fmla="*/ 375577 h 550149"/>
                <a:gd name="connsiteX1" fmla="*/ 215056 w 573858"/>
                <a:gd name="connsiteY1" fmla="*/ 540653 h 550149"/>
                <a:gd name="connsiteX2" fmla="*/ 6813 w 573858"/>
                <a:gd name="connsiteY2" fmla="*/ 223308 h 550149"/>
                <a:gd name="connsiteX3" fmla="*/ 379816 w 573858"/>
                <a:gd name="connsiteY3" fmla="*/ 6369 h 550149"/>
                <a:gd name="connsiteX4" fmla="*/ 565922 w 573858"/>
                <a:gd name="connsiteY4" fmla="*/ 375577 h 55014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73858" h="550149">
                  <a:moveTo>
                    <a:pt x="565922" y="375577"/>
                  </a:moveTo>
                  <a:cubicBezTo>
                    <a:pt x="530187" y="511243"/>
                    <a:pt x="348983" y="575914"/>
                    <a:pt x="215056" y="540653"/>
                  </a:cubicBezTo>
                  <a:cubicBezTo>
                    <a:pt x="81129" y="505392"/>
                    <a:pt x="-28922" y="358816"/>
                    <a:pt x="6813" y="223308"/>
                  </a:cubicBezTo>
                  <a:cubicBezTo>
                    <a:pt x="42548" y="87642"/>
                    <a:pt x="245889" y="-28892"/>
                    <a:pt x="379816" y="6369"/>
                  </a:cubicBezTo>
                  <a:cubicBezTo>
                    <a:pt x="513585" y="41471"/>
                    <a:pt x="601499" y="239910"/>
                    <a:pt x="565922" y="375577"/>
                  </a:cubicBezTo>
                  <a:close/>
                </a:path>
              </a:pathLst>
            </a:custGeom>
            <a:solidFill>
              <a:srgbClr val="FCD349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 dirty="0"/>
            </a:p>
          </p:txBody>
        </p:sp>
        <p:sp>
          <p:nvSpPr>
            <p:cNvPr id="123" name="Freeform: Shape 122">
              <a:extLst>
                <a:ext uri="{FF2B5EF4-FFF2-40B4-BE49-F238E27FC236}">
                  <a16:creationId xmlns:a16="http://schemas.microsoft.com/office/drawing/2014/main" id="{EA2216F9-561C-4B09-AD7C-DB4FBFD0850C}"/>
                </a:ext>
              </a:extLst>
            </p:cNvPr>
            <p:cNvSpPr/>
            <p:nvPr/>
          </p:nvSpPr>
          <p:spPr>
            <a:xfrm>
              <a:off x="2850657" y="5258894"/>
              <a:ext cx="557217" cy="558571"/>
            </a:xfrm>
            <a:custGeom>
              <a:avLst/>
              <a:gdLst>
                <a:gd name="connsiteX0" fmla="*/ 527801 w 557217"/>
                <a:gd name="connsiteY0" fmla="*/ 146624 h 558571"/>
                <a:gd name="connsiteX1" fmla="*/ 408104 w 557217"/>
                <a:gd name="connsiteY1" fmla="*/ 515515 h 558571"/>
                <a:gd name="connsiteX2" fmla="*/ 34153 w 557217"/>
                <a:gd name="connsiteY2" fmla="*/ 450212 h 558571"/>
                <a:gd name="connsiteX3" fmla="*/ 131080 w 557217"/>
                <a:gd name="connsiteY3" fmla="*/ 29773 h 558571"/>
                <a:gd name="connsiteX4" fmla="*/ 527801 w 557217"/>
                <a:gd name="connsiteY4" fmla="*/ 146624 h 55857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557217" h="558571">
                  <a:moveTo>
                    <a:pt x="527801" y="146624"/>
                  </a:moveTo>
                  <a:cubicBezTo>
                    <a:pt x="602275" y="265529"/>
                    <a:pt x="525429" y="441990"/>
                    <a:pt x="408104" y="515515"/>
                  </a:cubicBezTo>
                  <a:cubicBezTo>
                    <a:pt x="290780" y="589041"/>
                    <a:pt x="108627" y="569117"/>
                    <a:pt x="34153" y="450212"/>
                  </a:cubicBezTo>
                  <a:cubicBezTo>
                    <a:pt x="-40321" y="331307"/>
                    <a:pt x="13755" y="103299"/>
                    <a:pt x="131080" y="29773"/>
                  </a:cubicBezTo>
                  <a:cubicBezTo>
                    <a:pt x="248246" y="-43752"/>
                    <a:pt x="453168" y="27876"/>
                    <a:pt x="527801" y="146624"/>
                  </a:cubicBezTo>
                  <a:close/>
                </a:path>
              </a:pathLst>
            </a:custGeom>
            <a:solidFill>
              <a:srgbClr val="FC9854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4" name="Freeform: Shape 123">
              <a:extLst>
                <a:ext uri="{FF2B5EF4-FFF2-40B4-BE49-F238E27FC236}">
                  <a16:creationId xmlns:a16="http://schemas.microsoft.com/office/drawing/2014/main" id="{2D834770-3B53-48B8-9CB4-0FFF8ECEC1EA}"/>
                </a:ext>
              </a:extLst>
            </p:cNvPr>
            <p:cNvSpPr/>
            <p:nvPr/>
          </p:nvSpPr>
          <p:spPr>
            <a:xfrm>
              <a:off x="2554499" y="4044902"/>
              <a:ext cx="279080" cy="314815"/>
            </a:xfrm>
            <a:custGeom>
              <a:avLst/>
              <a:gdLst>
                <a:gd name="connsiteX0" fmla="*/ 0 w 279080"/>
                <a:gd name="connsiteY0" fmla="*/ 0 h 314815"/>
                <a:gd name="connsiteX1" fmla="*/ 279080 w 279080"/>
                <a:gd name="connsiteY1" fmla="*/ 169820 h 314815"/>
                <a:gd name="connsiteX2" fmla="*/ 49333 w 279080"/>
                <a:gd name="connsiteY2" fmla="*/ 314815 h 31481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79080" h="314815">
                  <a:moveTo>
                    <a:pt x="0" y="0"/>
                  </a:moveTo>
                  <a:lnTo>
                    <a:pt x="279080" y="169820"/>
                  </a:lnTo>
                  <a:lnTo>
                    <a:pt x="49333" y="314815"/>
                  </a:lnTo>
                  <a:close/>
                </a:path>
              </a:pathLst>
            </a:custGeom>
            <a:solidFill>
              <a:srgbClr val="AFAFA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5" name="Freeform: Shape 124">
              <a:extLst>
                <a:ext uri="{FF2B5EF4-FFF2-40B4-BE49-F238E27FC236}">
                  <a16:creationId xmlns:a16="http://schemas.microsoft.com/office/drawing/2014/main" id="{91FEF199-C690-44A8-885C-8A5DEC749CAB}"/>
                </a:ext>
              </a:extLst>
            </p:cNvPr>
            <p:cNvSpPr/>
            <p:nvPr/>
          </p:nvSpPr>
          <p:spPr>
            <a:xfrm>
              <a:off x="3129262" y="4363196"/>
              <a:ext cx="271648" cy="293943"/>
            </a:xfrm>
            <a:custGeom>
              <a:avLst/>
              <a:gdLst>
                <a:gd name="connsiteX0" fmla="*/ 148632 w 271648"/>
                <a:gd name="connsiteY0" fmla="*/ 293943 h 293943"/>
                <a:gd name="connsiteX1" fmla="*/ 0 w 271648"/>
                <a:gd name="connsiteY1" fmla="*/ 3004 h 293943"/>
                <a:gd name="connsiteX2" fmla="*/ 271649 w 271648"/>
                <a:gd name="connsiteY2" fmla="*/ 0 h 29394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71648" h="293943">
                  <a:moveTo>
                    <a:pt x="148632" y="293943"/>
                  </a:moveTo>
                  <a:lnTo>
                    <a:pt x="0" y="3004"/>
                  </a:lnTo>
                  <a:lnTo>
                    <a:pt x="271649" y="0"/>
                  </a:lnTo>
                  <a:close/>
                </a:path>
              </a:pathLst>
            </a:custGeom>
            <a:solidFill>
              <a:srgbClr val="FC9854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6" name="Freeform: Shape 125">
              <a:extLst>
                <a:ext uri="{FF2B5EF4-FFF2-40B4-BE49-F238E27FC236}">
                  <a16:creationId xmlns:a16="http://schemas.microsoft.com/office/drawing/2014/main" id="{66626429-DF38-4033-9FBF-5B6EC4DD5DE1}"/>
                </a:ext>
              </a:extLst>
            </p:cNvPr>
            <p:cNvSpPr/>
            <p:nvPr/>
          </p:nvSpPr>
          <p:spPr>
            <a:xfrm>
              <a:off x="4111498" y="833662"/>
              <a:ext cx="268011" cy="323986"/>
            </a:xfrm>
            <a:custGeom>
              <a:avLst/>
              <a:gdLst>
                <a:gd name="connsiteX0" fmla="*/ 0 w 268011"/>
                <a:gd name="connsiteY0" fmla="*/ 323986 h 323986"/>
                <a:gd name="connsiteX1" fmla="*/ 42218 w 268011"/>
                <a:gd name="connsiteY1" fmla="*/ 0 h 323986"/>
                <a:gd name="connsiteX2" fmla="*/ 268012 w 268011"/>
                <a:gd name="connsiteY2" fmla="*/ 151320 h 32398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68011" h="323986">
                  <a:moveTo>
                    <a:pt x="0" y="323986"/>
                  </a:moveTo>
                  <a:lnTo>
                    <a:pt x="42218" y="0"/>
                  </a:lnTo>
                  <a:lnTo>
                    <a:pt x="268012" y="151320"/>
                  </a:lnTo>
                  <a:close/>
                </a:path>
              </a:pathLst>
            </a:custGeom>
            <a:solidFill>
              <a:srgbClr val="FC9854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7" name="Freeform: Shape 126">
              <a:extLst>
                <a:ext uri="{FF2B5EF4-FFF2-40B4-BE49-F238E27FC236}">
                  <a16:creationId xmlns:a16="http://schemas.microsoft.com/office/drawing/2014/main" id="{788F1FB7-5041-434B-A91F-A6CA0ECEDA9F}"/>
                </a:ext>
              </a:extLst>
            </p:cNvPr>
            <p:cNvSpPr/>
            <p:nvPr/>
          </p:nvSpPr>
          <p:spPr>
            <a:xfrm>
              <a:off x="2397487" y="5803819"/>
              <a:ext cx="271806" cy="293943"/>
            </a:xfrm>
            <a:custGeom>
              <a:avLst/>
              <a:gdLst>
                <a:gd name="connsiteX0" fmla="*/ 148632 w 271806"/>
                <a:gd name="connsiteY0" fmla="*/ 293944 h 293943"/>
                <a:gd name="connsiteX1" fmla="*/ 0 w 271806"/>
                <a:gd name="connsiteY1" fmla="*/ 3004 h 293943"/>
                <a:gd name="connsiteX2" fmla="*/ 271807 w 271806"/>
                <a:gd name="connsiteY2" fmla="*/ 0 h 29394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71806" h="293943">
                  <a:moveTo>
                    <a:pt x="148632" y="293944"/>
                  </a:moveTo>
                  <a:lnTo>
                    <a:pt x="0" y="3004"/>
                  </a:lnTo>
                  <a:lnTo>
                    <a:pt x="271807" y="0"/>
                  </a:lnTo>
                  <a:close/>
                </a:path>
              </a:pathLst>
            </a:custGeom>
            <a:solidFill>
              <a:srgbClr val="FC9854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8" name="Freeform: Shape 127">
              <a:extLst>
                <a:ext uri="{FF2B5EF4-FFF2-40B4-BE49-F238E27FC236}">
                  <a16:creationId xmlns:a16="http://schemas.microsoft.com/office/drawing/2014/main" id="{52B1778F-FAF3-4547-821A-68DBE4BCFF3E}"/>
                </a:ext>
              </a:extLst>
            </p:cNvPr>
            <p:cNvSpPr/>
            <p:nvPr/>
          </p:nvSpPr>
          <p:spPr>
            <a:xfrm>
              <a:off x="2283958" y="3710797"/>
              <a:ext cx="310545" cy="290781"/>
            </a:xfrm>
            <a:custGeom>
              <a:avLst/>
              <a:gdLst>
                <a:gd name="connsiteX0" fmla="*/ 0 w 310545"/>
                <a:gd name="connsiteY0" fmla="*/ 290781 h 290781"/>
                <a:gd name="connsiteX1" fmla="*/ 149106 w 310545"/>
                <a:gd name="connsiteY1" fmla="*/ 0 h 290781"/>
                <a:gd name="connsiteX2" fmla="*/ 310546 w 310545"/>
                <a:gd name="connsiteY2" fmla="*/ 218679 h 2907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10545" h="290781">
                  <a:moveTo>
                    <a:pt x="0" y="290781"/>
                  </a:moveTo>
                  <a:lnTo>
                    <a:pt x="149106" y="0"/>
                  </a:lnTo>
                  <a:lnTo>
                    <a:pt x="310546" y="218679"/>
                  </a:lnTo>
                  <a:close/>
                </a:path>
              </a:pathLst>
            </a:custGeom>
            <a:solidFill>
              <a:srgbClr val="1E1E1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29" name="Freeform: Shape 128">
              <a:extLst>
                <a:ext uri="{FF2B5EF4-FFF2-40B4-BE49-F238E27FC236}">
                  <a16:creationId xmlns:a16="http://schemas.microsoft.com/office/drawing/2014/main" id="{55188E81-FE23-4D82-9B30-977B0D005433}"/>
                </a:ext>
              </a:extLst>
            </p:cNvPr>
            <p:cNvSpPr/>
            <p:nvPr/>
          </p:nvSpPr>
          <p:spPr>
            <a:xfrm>
              <a:off x="2286487" y="4578554"/>
              <a:ext cx="268011" cy="317345"/>
            </a:xfrm>
            <a:custGeom>
              <a:avLst/>
              <a:gdLst>
                <a:gd name="connsiteX0" fmla="*/ 268012 w 268011"/>
                <a:gd name="connsiteY0" fmla="*/ 317345 h 317345"/>
                <a:gd name="connsiteX1" fmla="*/ 0 w 268011"/>
                <a:gd name="connsiteY1" fmla="*/ 130448 h 317345"/>
                <a:gd name="connsiteX2" fmla="*/ 238285 w 268011"/>
                <a:gd name="connsiteY2" fmla="*/ 0 h 31734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68011" h="317345">
                  <a:moveTo>
                    <a:pt x="268012" y="317345"/>
                  </a:moveTo>
                  <a:lnTo>
                    <a:pt x="0" y="130448"/>
                  </a:lnTo>
                  <a:lnTo>
                    <a:pt x="238285" y="0"/>
                  </a:lnTo>
                  <a:close/>
                </a:path>
              </a:pathLst>
            </a:custGeom>
            <a:solidFill>
              <a:srgbClr val="FCD349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0" name="Freeform: Shape 129">
              <a:extLst>
                <a:ext uri="{FF2B5EF4-FFF2-40B4-BE49-F238E27FC236}">
                  <a16:creationId xmlns:a16="http://schemas.microsoft.com/office/drawing/2014/main" id="{B1CC9252-3292-4A72-A0DB-358F63772DB1}"/>
                </a:ext>
              </a:extLst>
            </p:cNvPr>
            <p:cNvSpPr/>
            <p:nvPr/>
          </p:nvSpPr>
          <p:spPr>
            <a:xfrm>
              <a:off x="2734913" y="3402306"/>
              <a:ext cx="268011" cy="317345"/>
            </a:xfrm>
            <a:custGeom>
              <a:avLst/>
              <a:gdLst>
                <a:gd name="connsiteX0" fmla="*/ 268012 w 268011"/>
                <a:gd name="connsiteY0" fmla="*/ 317345 h 317345"/>
                <a:gd name="connsiteX1" fmla="*/ 0 w 268011"/>
                <a:gd name="connsiteY1" fmla="*/ 130448 h 317345"/>
                <a:gd name="connsiteX2" fmla="*/ 238444 w 268011"/>
                <a:gd name="connsiteY2" fmla="*/ 0 h 31734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68011" h="317345">
                  <a:moveTo>
                    <a:pt x="268012" y="317345"/>
                  </a:moveTo>
                  <a:lnTo>
                    <a:pt x="0" y="130448"/>
                  </a:lnTo>
                  <a:lnTo>
                    <a:pt x="238444" y="0"/>
                  </a:lnTo>
                  <a:close/>
                </a:path>
              </a:pathLst>
            </a:custGeom>
            <a:solidFill>
              <a:srgbClr val="8DCEB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1" name="Freeform: Shape 130">
              <a:extLst>
                <a:ext uri="{FF2B5EF4-FFF2-40B4-BE49-F238E27FC236}">
                  <a16:creationId xmlns:a16="http://schemas.microsoft.com/office/drawing/2014/main" id="{1E1D45A4-8998-414D-9045-E56B51668798}"/>
                </a:ext>
              </a:extLst>
            </p:cNvPr>
            <p:cNvSpPr/>
            <p:nvPr/>
          </p:nvSpPr>
          <p:spPr>
            <a:xfrm>
              <a:off x="2560033" y="6254617"/>
              <a:ext cx="268011" cy="317345"/>
            </a:xfrm>
            <a:custGeom>
              <a:avLst/>
              <a:gdLst>
                <a:gd name="connsiteX0" fmla="*/ 268012 w 268011"/>
                <a:gd name="connsiteY0" fmla="*/ 317345 h 317345"/>
                <a:gd name="connsiteX1" fmla="*/ 0 w 268011"/>
                <a:gd name="connsiteY1" fmla="*/ 130448 h 317345"/>
                <a:gd name="connsiteX2" fmla="*/ 238285 w 268011"/>
                <a:gd name="connsiteY2" fmla="*/ 0 h 31734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68011" h="317345">
                  <a:moveTo>
                    <a:pt x="268012" y="317345"/>
                  </a:moveTo>
                  <a:lnTo>
                    <a:pt x="0" y="130448"/>
                  </a:lnTo>
                  <a:lnTo>
                    <a:pt x="238285" y="0"/>
                  </a:lnTo>
                  <a:close/>
                </a:path>
              </a:pathLst>
            </a:custGeom>
            <a:solidFill>
              <a:srgbClr val="8DCEB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2" name="Freeform: Shape 131">
              <a:extLst>
                <a:ext uri="{FF2B5EF4-FFF2-40B4-BE49-F238E27FC236}">
                  <a16:creationId xmlns:a16="http://schemas.microsoft.com/office/drawing/2014/main" id="{0B4AA1E1-523A-4F72-BD37-40912CA704CB}"/>
                </a:ext>
              </a:extLst>
            </p:cNvPr>
            <p:cNvSpPr/>
            <p:nvPr/>
          </p:nvSpPr>
          <p:spPr>
            <a:xfrm>
              <a:off x="3642517" y="2202657"/>
              <a:ext cx="274652" cy="246823"/>
            </a:xfrm>
            <a:custGeom>
              <a:avLst/>
              <a:gdLst>
                <a:gd name="connsiteX0" fmla="*/ 188478 w 274652"/>
                <a:gd name="connsiteY0" fmla="*/ 246824 h 246823"/>
                <a:gd name="connsiteX1" fmla="*/ 0 w 274652"/>
                <a:gd name="connsiteY1" fmla="*/ 59453 h 246823"/>
                <a:gd name="connsiteX2" fmla="*/ 143414 w 274652"/>
                <a:gd name="connsiteY2" fmla="*/ 0 h 246823"/>
                <a:gd name="connsiteX3" fmla="*/ 274653 w 274652"/>
                <a:gd name="connsiteY3" fmla="*/ 206187 h 24682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74652" h="246823">
                  <a:moveTo>
                    <a:pt x="188478" y="246824"/>
                  </a:moveTo>
                  <a:lnTo>
                    <a:pt x="0" y="59453"/>
                  </a:lnTo>
                  <a:lnTo>
                    <a:pt x="143414" y="0"/>
                  </a:lnTo>
                  <a:lnTo>
                    <a:pt x="274653" y="206187"/>
                  </a:lnTo>
                  <a:close/>
                </a:path>
              </a:pathLst>
            </a:custGeom>
            <a:solidFill>
              <a:srgbClr val="8DCEBF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3" name="Freeform: Shape 132">
              <a:extLst>
                <a:ext uri="{FF2B5EF4-FFF2-40B4-BE49-F238E27FC236}">
                  <a16:creationId xmlns:a16="http://schemas.microsoft.com/office/drawing/2014/main" id="{52FE8BC1-6D8F-4C59-8E75-8EE19CB10CFD}"/>
                </a:ext>
              </a:extLst>
            </p:cNvPr>
            <p:cNvSpPr/>
            <p:nvPr/>
          </p:nvSpPr>
          <p:spPr>
            <a:xfrm>
              <a:off x="3637615" y="3478836"/>
              <a:ext cx="284456" cy="242870"/>
            </a:xfrm>
            <a:custGeom>
              <a:avLst/>
              <a:gdLst>
                <a:gd name="connsiteX0" fmla="*/ 83171 w 284456"/>
                <a:gd name="connsiteY0" fmla="*/ 0 h 242870"/>
                <a:gd name="connsiteX1" fmla="*/ 284456 w 284456"/>
                <a:gd name="connsiteY1" fmla="*/ 173299 h 242870"/>
                <a:gd name="connsiteX2" fmla="*/ 145786 w 284456"/>
                <a:gd name="connsiteY2" fmla="*/ 242871 h 242870"/>
                <a:gd name="connsiteX3" fmla="*/ 0 w 284456"/>
                <a:gd name="connsiteY3" fmla="*/ 46645 h 2428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84456" h="242870">
                  <a:moveTo>
                    <a:pt x="83171" y="0"/>
                  </a:moveTo>
                  <a:lnTo>
                    <a:pt x="284456" y="173299"/>
                  </a:lnTo>
                  <a:lnTo>
                    <a:pt x="145786" y="242871"/>
                  </a:lnTo>
                  <a:lnTo>
                    <a:pt x="0" y="46645"/>
                  </a:lnTo>
                  <a:close/>
                </a:path>
              </a:pathLst>
            </a:custGeom>
            <a:solidFill>
              <a:srgbClr val="FCDB81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4" name="Freeform: Shape 133">
              <a:extLst>
                <a:ext uri="{FF2B5EF4-FFF2-40B4-BE49-F238E27FC236}">
                  <a16:creationId xmlns:a16="http://schemas.microsoft.com/office/drawing/2014/main" id="{A894D32F-FDF7-4584-A425-44DCF1939B77}"/>
                </a:ext>
              </a:extLst>
            </p:cNvPr>
            <p:cNvSpPr/>
            <p:nvPr/>
          </p:nvSpPr>
          <p:spPr>
            <a:xfrm>
              <a:off x="3384308" y="1692090"/>
              <a:ext cx="200653" cy="311336"/>
            </a:xfrm>
            <a:custGeom>
              <a:avLst/>
              <a:gdLst>
                <a:gd name="connsiteX0" fmla="*/ 200653 w 200653"/>
                <a:gd name="connsiteY0" fmla="*/ 59137 h 311336"/>
                <a:gd name="connsiteX1" fmla="*/ 117166 w 200653"/>
                <a:gd name="connsiteY1" fmla="*/ 311337 h 311336"/>
                <a:gd name="connsiteX2" fmla="*/ 0 w 200653"/>
                <a:gd name="connsiteY2" fmla="*/ 209666 h 311336"/>
                <a:gd name="connsiteX3" fmla="*/ 125863 w 200653"/>
                <a:gd name="connsiteY3" fmla="*/ 0 h 3113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00653" h="311336">
                  <a:moveTo>
                    <a:pt x="200653" y="59137"/>
                  </a:moveTo>
                  <a:lnTo>
                    <a:pt x="117166" y="311337"/>
                  </a:lnTo>
                  <a:lnTo>
                    <a:pt x="0" y="209666"/>
                  </a:lnTo>
                  <a:lnTo>
                    <a:pt x="125863" y="0"/>
                  </a:lnTo>
                  <a:close/>
                </a:path>
              </a:pathLst>
            </a:custGeom>
            <a:solidFill>
              <a:srgbClr val="F9A0A0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5" name="Freeform: Shape 134">
              <a:extLst>
                <a:ext uri="{FF2B5EF4-FFF2-40B4-BE49-F238E27FC236}">
                  <a16:creationId xmlns:a16="http://schemas.microsoft.com/office/drawing/2014/main" id="{08F04576-C062-4135-BFE7-40615ADAAFB7}"/>
                </a:ext>
              </a:extLst>
            </p:cNvPr>
            <p:cNvSpPr/>
            <p:nvPr/>
          </p:nvSpPr>
          <p:spPr>
            <a:xfrm>
              <a:off x="2824250" y="1333950"/>
              <a:ext cx="160649" cy="266746"/>
            </a:xfrm>
            <a:custGeom>
              <a:avLst/>
              <a:gdLst>
                <a:gd name="connsiteX0" fmla="*/ 65619 w 160649"/>
                <a:gd name="connsiteY0" fmla="*/ 257418 h 266746"/>
                <a:gd name="connsiteX1" fmla="*/ 0 w 160649"/>
                <a:gd name="connsiteY1" fmla="*/ 0 h 266746"/>
                <a:gd name="connsiteX2" fmla="*/ 153376 w 160649"/>
                <a:gd name="connsiteY2" fmla="*/ 22295 h 266746"/>
                <a:gd name="connsiteX3" fmla="*/ 160649 w 160649"/>
                <a:gd name="connsiteY3" fmla="*/ 266747 h 26674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60649" h="266746">
                  <a:moveTo>
                    <a:pt x="65619" y="257418"/>
                  </a:moveTo>
                  <a:lnTo>
                    <a:pt x="0" y="0"/>
                  </a:lnTo>
                  <a:lnTo>
                    <a:pt x="153376" y="22295"/>
                  </a:lnTo>
                  <a:lnTo>
                    <a:pt x="160649" y="266747"/>
                  </a:lnTo>
                  <a:close/>
                </a:path>
              </a:pathLst>
            </a:custGeom>
            <a:solidFill>
              <a:srgbClr val="1E1E1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6" name="Freeform: Shape 135">
              <a:extLst>
                <a:ext uri="{FF2B5EF4-FFF2-40B4-BE49-F238E27FC236}">
                  <a16:creationId xmlns:a16="http://schemas.microsoft.com/office/drawing/2014/main" id="{4AC69E09-4217-46C4-B258-9A194F8E778C}"/>
                </a:ext>
              </a:extLst>
            </p:cNvPr>
            <p:cNvSpPr/>
            <p:nvPr/>
          </p:nvSpPr>
          <p:spPr>
            <a:xfrm>
              <a:off x="3447240" y="6588248"/>
              <a:ext cx="246507" cy="275759"/>
            </a:xfrm>
            <a:custGeom>
              <a:avLst/>
              <a:gdLst>
                <a:gd name="connsiteX0" fmla="*/ 0 w 246507"/>
                <a:gd name="connsiteY0" fmla="*/ 189743 h 275759"/>
                <a:gd name="connsiteX1" fmla="*/ 185948 w 246507"/>
                <a:gd name="connsiteY1" fmla="*/ 0 h 275759"/>
                <a:gd name="connsiteX2" fmla="*/ 246508 w 246507"/>
                <a:gd name="connsiteY2" fmla="*/ 142940 h 275759"/>
                <a:gd name="connsiteX3" fmla="*/ 41269 w 246507"/>
                <a:gd name="connsiteY3" fmla="*/ 275760 h 2757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46507" h="275759">
                  <a:moveTo>
                    <a:pt x="0" y="189743"/>
                  </a:moveTo>
                  <a:lnTo>
                    <a:pt x="185948" y="0"/>
                  </a:lnTo>
                  <a:lnTo>
                    <a:pt x="246508" y="142940"/>
                  </a:lnTo>
                  <a:lnTo>
                    <a:pt x="41269" y="275760"/>
                  </a:lnTo>
                  <a:close/>
                </a:path>
              </a:pathLst>
            </a:custGeom>
            <a:solidFill>
              <a:srgbClr val="1E1E1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7" name="Freeform: Shape 136">
              <a:extLst>
                <a:ext uri="{FF2B5EF4-FFF2-40B4-BE49-F238E27FC236}">
                  <a16:creationId xmlns:a16="http://schemas.microsoft.com/office/drawing/2014/main" id="{B91A3ED1-7680-4DCE-B890-FF32CADCC252}"/>
                </a:ext>
              </a:extLst>
            </p:cNvPr>
            <p:cNvSpPr/>
            <p:nvPr/>
          </p:nvSpPr>
          <p:spPr>
            <a:xfrm>
              <a:off x="3799845" y="1134404"/>
              <a:ext cx="194960" cy="259473"/>
            </a:xfrm>
            <a:custGeom>
              <a:avLst/>
              <a:gdLst>
                <a:gd name="connsiteX0" fmla="*/ 0 w 194960"/>
                <a:gd name="connsiteY0" fmla="*/ 112423 h 259473"/>
                <a:gd name="connsiteX1" fmla="*/ 44115 w 194960"/>
                <a:gd name="connsiteY1" fmla="*/ 259473 h 259473"/>
                <a:gd name="connsiteX2" fmla="*/ 194961 w 194960"/>
                <a:gd name="connsiteY2" fmla="*/ 211721 h 259473"/>
                <a:gd name="connsiteX3" fmla="*/ 107363 w 194960"/>
                <a:gd name="connsiteY3" fmla="*/ 0 h 25947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94960" h="259473">
                  <a:moveTo>
                    <a:pt x="0" y="112423"/>
                  </a:moveTo>
                  <a:lnTo>
                    <a:pt x="44115" y="259473"/>
                  </a:lnTo>
                  <a:lnTo>
                    <a:pt x="194961" y="211721"/>
                  </a:lnTo>
                  <a:lnTo>
                    <a:pt x="107363" y="0"/>
                  </a:lnTo>
                  <a:close/>
                </a:path>
              </a:pathLst>
            </a:custGeom>
            <a:solidFill>
              <a:srgbClr val="EA4E4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38" name="Freeform: Shape 137">
              <a:extLst>
                <a:ext uri="{FF2B5EF4-FFF2-40B4-BE49-F238E27FC236}">
                  <a16:creationId xmlns:a16="http://schemas.microsoft.com/office/drawing/2014/main" id="{5DED8C8D-056B-46B8-BF4D-D58FE5860BFD}"/>
                </a:ext>
              </a:extLst>
            </p:cNvPr>
            <p:cNvSpPr/>
            <p:nvPr/>
          </p:nvSpPr>
          <p:spPr>
            <a:xfrm>
              <a:off x="3205317" y="3563272"/>
              <a:ext cx="241922" cy="318293"/>
            </a:xfrm>
            <a:custGeom>
              <a:avLst/>
              <a:gdLst>
                <a:gd name="connsiteX0" fmla="*/ 76846 w 241922"/>
                <a:gd name="connsiteY0" fmla="*/ 130290 h 318293"/>
                <a:gd name="connsiteX1" fmla="*/ 76846 w 241922"/>
                <a:gd name="connsiteY1" fmla="*/ 0 h 318293"/>
                <a:gd name="connsiteX2" fmla="*/ 154008 w 241922"/>
                <a:gd name="connsiteY2" fmla="*/ 109576 h 318293"/>
                <a:gd name="connsiteX3" fmla="*/ 241922 w 241922"/>
                <a:gd name="connsiteY3" fmla="*/ 107046 h 318293"/>
                <a:gd name="connsiteX4" fmla="*/ 197965 w 241922"/>
                <a:gd name="connsiteY4" fmla="*/ 187055 h 318293"/>
                <a:gd name="connsiteX5" fmla="*/ 241922 w 241922"/>
                <a:gd name="connsiteY5" fmla="*/ 252042 h 318293"/>
                <a:gd name="connsiteX6" fmla="*/ 126812 w 241922"/>
                <a:gd name="connsiteY6" fmla="*/ 224371 h 318293"/>
                <a:gd name="connsiteX7" fmla="*/ 76846 w 241922"/>
                <a:gd name="connsiteY7" fmla="*/ 318294 h 318293"/>
                <a:gd name="connsiteX8" fmla="*/ 76846 w 241922"/>
                <a:gd name="connsiteY8" fmla="*/ 202392 h 318293"/>
                <a:gd name="connsiteX9" fmla="*/ 0 w 241922"/>
                <a:gd name="connsiteY9" fmla="*/ 162230 h 3182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41922" h="318293">
                  <a:moveTo>
                    <a:pt x="76846" y="130290"/>
                  </a:moveTo>
                  <a:lnTo>
                    <a:pt x="76846" y="0"/>
                  </a:lnTo>
                  <a:lnTo>
                    <a:pt x="154008" y="109576"/>
                  </a:lnTo>
                  <a:lnTo>
                    <a:pt x="241922" y="107046"/>
                  </a:lnTo>
                  <a:lnTo>
                    <a:pt x="197965" y="187055"/>
                  </a:lnTo>
                  <a:lnTo>
                    <a:pt x="241922" y="252042"/>
                  </a:lnTo>
                  <a:lnTo>
                    <a:pt x="126812" y="224371"/>
                  </a:lnTo>
                  <a:lnTo>
                    <a:pt x="76846" y="318294"/>
                  </a:lnTo>
                  <a:lnTo>
                    <a:pt x="76846" y="202392"/>
                  </a:lnTo>
                  <a:lnTo>
                    <a:pt x="0" y="162230"/>
                  </a:lnTo>
                  <a:close/>
                </a:path>
              </a:pathLst>
            </a:custGeom>
            <a:solidFill>
              <a:srgbClr val="FCDB81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46" name="Freeform: Shape 145">
              <a:extLst>
                <a:ext uri="{FF2B5EF4-FFF2-40B4-BE49-F238E27FC236}">
                  <a16:creationId xmlns:a16="http://schemas.microsoft.com/office/drawing/2014/main" id="{F2308D29-E1C1-4E78-87DB-629A1B853869}"/>
                </a:ext>
              </a:extLst>
            </p:cNvPr>
            <p:cNvSpPr/>
            <p:nvPr/>
          </p:nvSpPr>
          <p:spPr>
            <a:xfrm>
              <a:off x="2647473" y="4828857"/>
              <a:ext cx="257101" cy="301058"/>
            </a:xfrm>
            <a:custGeom>
              <a:avLst/>
              <a:gdLst>
                <a:gd name="connsiteX0" fmla="*/ 108944 w 257101"/>
                <a:gd name="connsiteY0" fmla="*/ 106098 h 301058"/>
                <a:gd name="connsiteX1" fmla="*/ 184525 w 257101"/>
                <a:gd name="connsiteY1" fmla="*/ 0 h 301058"/>
                <a:gd name="connsiteX2" fmla="*/ 183893 w 257101"/>
                <a:gd name="connsiteY2" fmla="*/ 133927 h 301058"/>
                <a:gd name="connsiteX3" fmla="*/ 257102 w 257101"/>
                <a:gd name="connsiteY3" fmla="*/ 182944 h 301058"/>
                <a:gd name="connsiteX4" fmla="*/ 174880 w 257101"/>
                <a:gd name="connsiteY4" fmla="*/ 222632 h 301058"/>
                <a:gd name="connsiteX5" fmla="*/ 172982 w 257101"/>
                <a:gd name="connsiteY5" fmla="*/ 301059 h 301058"/>
                <a:gd name="connsiteX6" fmla="*/ 95188 w 257101"/>
                <a:gd name="connsiteY6" fmla="*/ 211721 h 301058"/>
                <a:gd name="connsiteX7" fmla="*/ 0 w 257101"/>
                <a:gd name="connsiteY7" fmla="*/ 259473 h 301058"/>
                <a:gd name="connsiteX8" fmla="*/ 67201 w 257101"/>
                <a:gd name="connsiteY8" fmla="*/ 164918 h 301058"/>
                <a:gd name="connsiteX9" fmla="*/ 27987 w 257101"/>
                <a:gd name="connsiteY9" fmla="*/ 87756 h 30105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57101" h="301058">
                  <a:moveTo>
                    <a:pt x="108944" y="106098"/>
                  </a:moveTo>
                  <a:lnTo>
                    <a:pt x="184525" y="0"/>
                  </a:lnTo>
                  <a:lnTo>
                    <a:pt x="183893" y="133927"/>
                  </a:lnTo>
                  <a:lnTo>
                    <a:pt x="257102" y="182944"/>
                  </a:lnTo>
                  <a:lnTo>
                    <a:pt x="174880" y="222632"/>
                  </a:lnTo>
                  <a:lnTo>
                    <a:pt x="172982" y="301059"/>
                  </a:lnTo>
                  <a:lnTo>
                    <a:pt x="95188" y="211721"/>
                  </a:lnTo>
                  <a:lnTo>
                    <a:pt x="0" y="259473"/>
                  </a:lnTo>
                  <a:lnTo>
                    <a:pt x="67201" y="164918"/>
                  </a:lnTo>
                  <a:lnTo>
                    <a:pt x="27987" y="87756"/>
                  </a:lnTo>
                  <a:close/>
                </a:path>
              </a:pathLst>
            </a:custGeom>
            <a:solidFill>
              <a:srgbClr val="EA4E4E"/>
            </a:solidFill>
            <a:ln w="1575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grpSp>
        <p:nvGrpSpPr>
          <p:cNvPr id="147" name="Graphic 28">
            <a:extLst>
              <a:ext uri="{FF2B5EF4-FFF2-40B4-BE49-F238E27FC236}">
                <a16:creationId xmlns:a16="http://schemas.microsoft.com/office/drawing/2014/main" id="{388F0F55-E2C2-4C2A-A137-EC61B12CF95D}"/>
              </a:ext>
            </a:extLst>
          </p:cNvPr>
          <p:cNvGrpSpPr/>
          <p:nvPr/>
        </p:nvGrpSpPr>
        <p:grpSpPr>
          <a:xfrm>
            <a:off x="9177548" y="125414"/>
            <a:ext cx="2046638" cy="6503579"/>
            <a:chOff x="7792901" y="624706"/>
            <a:chExt cx="2046638" cy="6503579"/>
          </a:xfrm>
        </p:grpSpPr>
        <p:sp>
          <p:nvSpPr>
            <p:cNvPr id="149" name="Freeform: Shape 148">
              <a:extLst>
                <a:ext uri="{FF2B5EF4-FFF2-40B4-BE49-F238E27FC236}">
                  <a16:creationId xmlns:a16="http://schemas.microsoft.com/office/drawing/2014/main" id="{04CA412F-D7CA-450C-8672-6E56301DABF3}"/>
                </a:ext>
              </a:extLst>
            </p:cNvPr>
            <p:cNvSpPr/>
            <p:nvPr/>
          </p:nvSpPr>
          <p:spPr>
            <a:xfrm>
              <a:off x="8425798" y="4549358"/>
              <a:ext cx="618188" cy="618349"/>
            </a:xfrm>
            <a:custGeom>
              <a:avLst/>
              <a:gdLst>
                <a:gd name="connsiteX0" fmla="*/ 29944 w 618188"/>
                <a:gd name="connsiteY0" fmla="*/ 169478 h 618349"/>
                <a:gd name="connsiteX1" fmla="*/ 171640 w 618188"/>
                <a:gd name="connsiteY1" fmla="*/ 574567 h 618349"/>
                <a:gd name="connsiteX2" fmla="*/ 583737 w 618188"/>
                <a:gd name="connsiteY2" fmla="*/ 492866 h 618349"/>
                <a:gd name="connsiteX3" fmla="*/ 465799 w 618188"/>
                <a:gd name="connsiteY3" fmla="*/ 30176 h 618349"/>
                <a:gd name="connsiteX4" fmla="*/ 29944 w 618188"/>
                <a:gd name="connsiteY4" fmla="*/ 169478 h 61834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618188" h="618349">
                  <a:moveTo>
                    <a:pt x="29944" y="169478"/>
                  </a:moveTo>
                  <a:cubicBezTo>
                    <a:pt x="-49535" y="302799"/>
                    <a:pt x="40029" y="496114"/>
                    <a:pt x="171640" y="574567"/>
                  </a:cubicBezTo>
                  <a:cubicBezTo>
                    <a:pt x="303251" y="653021"/>
                    <a:pt x="504257" y="626186"/>
                    <a:pt x="583737" y="492866"/>
                  </a:cubicBezTo>
                  <a:cubicBezTo>
                    <a:pt x="663216" y="359545"/>
                    <a:pt x="597411" y="108459"/>
                    <a:pt x="465799" y="30176"/>
                  </a:cubicBezTo>
                  <a:cubicBezTo>
                    <a:pt x="334359" y="-48278"/>
                    <a:pt x="109424" y="36158"/>
                    <a:pt x="29944" y="169478"/>
                  </a:cubicBezTo>
                  <a:close/>
                </a:path>
              </a:pathLst>
            </a:custGeom>
            <a:solidFill>
              <a:srgbClr val="EA4E4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1" name="Freeform: Shape 150">
              <a:extLst>
                <a:ext uri="{FF2B5EF4-FFF2-40B4-BE49-F238E27FC236}">
                  <a16:creationId xmlns:a16="http://schemas.microsoft.com/office/drawing/2014/main" id="{E43E27C9-0C13-4F2A-9D11-8E5EA50D75F9}"/>
                </a:ext>
              </a:extLst>
            </p:cNvPr>
            <p:cNvSpPr/>
            <p:nvPr/>
          </p:nvSpPr>
          <p:spPr>
            <a:xfrm>
              <a:off x="8008213" y="6689493"/>
              <a:ext cx="438658" cy="438792"/>
            </a:xfrm>
            <a:custGeom>
              <a:avLst/>
              <a:gdLst>
                <a:gd name="connsiteX0" fmla="*/ 21245 w 438658"/>
                <a:gd name="connsiteY0" fmla="*/ 120251 h 438792"/>
                <a:gd name="connsiteX1" fmla="*/ 121919 w 438658"/>
                <a:gd name="connsiteY1" fmla="*/ 407745 h 438792"/>
                <a:gd name="connsiteX2" fmla="*/ 414199 w 438658"/>
                <a:gd name="connsiteY2" fmla="*/ 349802 h 438792"/>
                <a:gd name="connsiteX3" fmla="*/ 330617 w 438658"/>
                <a:gd name="connsiteY3" fmla="*/ 21457 h 438792"/>
                <a:gd name="connsiteX4" fmla="*/ 21245 w 438658"/>
                <a:gd name="connsiteY4" fmla="*/ 120251 h 4387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438658" h="438792">
                  <a:moveTo>
                    <a:pt x="21245" y="120251"/>
                  </a:moveTo>
                  <a:cubicBezTo>
                    <a:pt x="-35159" y="214943"/>
                    <a:pt x="28424" y="352024"/>
                    <a:pt x="121919" y="407745"/>
                  </a:cubicBezTo>
                  <a:cubicBezTo>
                    <a:pt x="215244" y="463295"/>
                    <a:pt x="357965" y="444493"/>
                    <a:pt x="414199" y="349802"/>
                  </a:cubicBezTo>
                  <a:cubicBezTo>
                    <a:pt x="470603" y="255110"/>
                    <a:pt x="423941" y="77179"/>
                    <a:pt x="330617" y="21457"/>
                  </a:cubicBezTo>
                  <a:cubicBezTo>
                    <a:pt x="237122" y="-34263"/>
                    <a:pt x="77650" y="25560"/>
                    <a:pt x="21245" y="120251"/>
                  </a:cubicBezTo>
                  <a:close/>
                </a:path>
              </a:pathLst>
            </a:custGeom>
            <a:solidFill>
              <a:srgbClr val="FCD349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3" name="Freeform: Shape 152">
              <a:extLst>
                <a:ext uri="{FF2B5EF4-FFF2-40B4-BE49-F238E27FC236}">
                  <a16:creationId xmlns:a16="http://schemas.microsoft.com/office/drawing/2014/main" id="{0A95BDA9-ED62-41CE-92A9-DD7ECFC09C57}"/>
                </a:ext>
              </a:extLst>
            </p:cNvPr>
            <p:cNvSpPr/>
            <p:nvPr/>
          </p:nvSpPr>
          <p:spPr>
            <a:xfrm>
              <a:off x="9362977" y="2773115"/>
              <a:ext cx="342859" cy="342792"/>
            </a:xfrm>
            <a:custGeom>
              <a:avLst/>
              <a:gdLst>
                <a:gd name="connsiteX0" fmla="*/ 16607 w 342859"/>
                <a:gd name="connsiteY0" fmla="*/ 93936 h 342792"/>
                <a:gd name="connsiteX1" fmla="*/ 95232 w 342859"/>
                <a:gd name="connsiteY1" fmla="*/ 318530 h 342792"/>
                <a:gd name="connsiteX2" fmla="*/ 323757 w 342859"/>
                <a:gd name="connsiteY2" fmla="*/ 273235 h 342792"/>
                <a:gd name="connsiteX3" fmla="*/ 258293 w 342859"/>
                <a:gd name="connsiteY3" fmla="*/ 16679 h 342792"/>
                <a:gd name="connsiteX4" fmla="*/ 16607 w 342859"/>
                <a:gd name="connsiteY4" fmla="*/ 93936 h 3427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42859" h="342792">
                  <a:moveTo>
                    <a:pt x="16607" y="93936"/>
                  </a:moveTo>
                  <a:cubicBezTo>
                    <a:pt x="-27491" y="167946"/>
                    <a:pt x="22248" y="274944"/>
                    <a:pt x="95232" y="318530"/>
                  </a:cubicBezTo>
                  <a:cubicBezTo>
                    <a:pt x="168216" y="361944"/>
                    <a:pt x="279659" y="347245"/>
                    <a:pt x="323757" y="273235"/>
                  </a:cubicBezTo>
                  <a:cubicBezTo>
                    <a:pt x="367855" y="199225"/>
                    <a:pt x="331278" y="60264"/>
                    <a:pt x="258293" y="16679"/>
                  </a:cubicBezTo>
                  <a:cubicBezTo>
                    <a:pt x="185138" y="-26736"/>
                    <a:pt x="60535" y="20097"/>
                    <a:pt x="16607" y="93936"/>
                  </a:cubicBezTo>
                  <a:close/>
                </a:path>
              </a:pathLst>
            </a:custGeom>
            <a:solidFill>
              <a:srgbClr val="8DCEB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5" name="Freeform: Shape 154">
              <a:extLst>
                <a:ext uri="{FF2B5EF4-FFF2-40B4-BE49-F238E27FC236}">
                  <a16:creationId xmlns:a16="http://schemas.microsoft.com/office/drawing/2014/main" id="{C2D0BFDB-C178-4620-ADDA-662B18785AD6}"/>
                </a:ext>
              </a:extLst>
            </p:cNvPr>
            <p:cNvSpPr/>
            <p:nvPr/>
          </p:nvSpPr>
          <p:spPr>
            <a:xfrm>
              <a:off x="8791921" y="786300"/>
              <a:ext cx="342895" cy="342792"/>
            </a:xfrm>
            <a:custGeom>
              <a:avLst/>
              <a:gdLst>
                <a:gd name="connsiteX0" fmla="*/ 16607 w 342895"/>
                <a:gd name="connsiteY0" fmla="*/ 93936 h 342792"/>
                <a:gd name="connsiteX1" fmla="*/ 95232 w 342895"/>
                <a:gd name="connsiteY1" fmla="*/ 318530 h 342792"/>
                <a:gd name="connsiteX2" fmla="*/ 323757 w 342895"/>
                <a:gd name="connsiteY2" fmla="*/ 273235 h 342792"/>
                <a:gd name="connsiteX3" fmla="*/ 258464 w 342895"/>
                <a:gd name="connsiteY3" fmla="*/ 16679 h 342792"/>
                <a:gd name="connsiteX4" fmla="*/ 16607 w 342895"/>
                <a:gd name="connsiteY4" fmla="*/ 93936 h 3427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42895" h="342792">
                  <a:moveTo>
                    <a:pt x="16607" y="93936"/>
                  </a:moveTo>
                  <a:cubicBezTo>
                    <a:pt x="-27491" y="167946"/>
                    <a:pt x="22248" y="275115"/>
                    <a:pt x="95232" y="318530"/>
                  </a:cubicBezTo>
                  <a:cubicBezTo>
                    <a:pt x="168217" y="361944"/>
                    <a:pt x="279659" y="347245"/>
                    <a:pt x="323757" y="273235"/>
                  </a:cubicBezTo>
                  <a:cubicBezTo>
                    <a:pt x="367855" y="199225"/>
                    <a:pt x="331448" y="60264"/>
                    <a:pt x="258464" y="16679"/>
                  </a:cubicBezTo>
                  <a:cubicBezTo>
                    <a:pt x="185309" y="-26736"/>
                    <a:pt x="60706" y="20097"/>
                    <a:pt x="16607" y="93936"/>
                  </a:cubicBezTo>
                  <a:close/>
                </a:path>
              </a:pathLst>
            </a:custGeom>
            <a:solidFill>
              <a:srgbClr val="AFAFA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7" name="Freeform: Shape 156">
              <a:extLst>
                <a:ext uri="{FF2B5EF4-FFF2-40B4-BE49-F238E27FC236}">
                  <a16:creationId xmlns:a16="http://schemas.microsoft.com/office/drawing/2014/main" id="{817720AF-9AA5-41DE-A31A-F3948D90983B}"/>
                </a:ext>
              </a:extLst>
            </p:cNvPr>
            <p:cNvSpPr/>
            <p:nvPr/>
          </p:nvSpPr>
          <p:spPr>
            <a:xfrm>
              <a:off x="8963301" y="3300462"/>
              <a:ext cx="632651" cy="606486"/>
            </a:xfrm>
            <a:custGeom>
              <a:avLst/>
              <a:gdLst>
                <a:gd name="connsiteX0" fmla="*/ 13929 w 632651"/>
                <a:gd name="connsiteY0" fmla="*/ 431804 h 606486"/>
                <a:gd name="connsiteX1" fmla="*/ 412865 w 632651"/>
                <a:gd name="connsiteY1" fmla="*/ 590079 h 606486"/>
                <a:gd name="connsiteX2" fmla="*/ 621050 w 632651"/>
                <a:gd name="connsiteY2" fmla="*/ 225157 h 606486"/>
                <a:gd name="connsiteX3" fmla="*/ 194083 w 632651"/>
                <a:gd name="connsiteY3" fmla="*/ 11161 h 606486"/>
                <a:gd name="connsiteX4" fmla="*/ 13929 w 632651"/>
                <a:gd name="connsiteY4" fmla="*/ 431804 h 60648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632651" h="606486">
                  <a:moveTo>
                    <a:pt x="13929" y="431804"/>
                  </a:moveTo>
                  <a:cubicBezTo>
                    <a:pt x="62643" y="579311"/>
                    <a:pt x="267409" y="638109"/>
                    <a:pt x="412865" y="590079"/>
                  </a:cubicBezTo>
                  <a:cubicBezTo>
                    <a:pt x="558321" y="542049"/>
                    <a:pt x="669763" y="372493"/>
                    <a:pt x="621050" y="225157"/>
                  </a:cubicBezTo>
                  <a:cubicBezTo>
                    <a:pt x="572337" y="77650"/>
                    <a:pt x="339710" y="-37039"/>
                    <a:pt x="194083" y="11161"/>
                  </a:cubicBezTo>
                  <a:cubicBezTo>
                    <a:pt x="48798" y="59190"/>
                    <a:pt x="-34784" y="284468"/>
                    <a:pt x="13929" y="431804"/>
                  </a:cubicBezTo>
                  <a:close/>
                </a:path>
              </a:pathLst>
            </a:custGeom>
            <a:solidFill>
              <a:srgbClr val="FCD349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59" name="Freeform: Shape 158">
              <a:extLst>
                <a:ext uri="{FF2B5EF4-FFF2-40B4-BE49-F238E27FC236}">
                  <a16:creationId xmlns:a16="http://schemas.microsoft.com/office/drawing/2014/main" id="{C11AF168-CA6B-48E6-A8FD-900D6BBF93E3}"/>
                </a:ext>
              </a:extLst>
            </p:cNvPr>
            <p:cNvSpPr/>
            <p:nvPr/>
          </p:nvSpPr>
          <p:spPr>
            <a:xfrm>
              <a:off x="8769239" y="5325742"/>
              <a:ext cx="616924" cy="618227"/>
            </a:xfrm>
            <a:custGeom>
              <a:avLst/>
              <a:gdLst>
                <a:gd name="connsiteX0" fmla="*/ 32624 w 616924"/>
                <a:gd name="connsiteY0" fmla="*/ 162250 h 618227"/>
                <a:gd name="connsiteX1" fmla="*/ 165090 w 616924"/>
                <a:gd name="connsiteY1" fmla="*/ 570587 h 618227"/>
                <a:gd name="connsiteX2" fmla="*/ 579067 w 616924"/>
                <a:gd name="connsiteY2" fmla="*/ 498286 h 618227"/>
                <a:gd name="connsiteX3" fmla="*/ 471898 w 616924"/>
                <a:gd name="connsiteY3" fmla="*/ 32861 h 618227"/>
                <a:gd name="connsiteX4" fmla="*/ 32624 w 616924"/>
                <a:gd name="connsiteY4" fmla="*/ 162250 h 61822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616924" h="618227">
                  <a:moveTo>
                    <a:pt x="32624" y="162250"/>
                  </a:moveTo>
                  <a:cubicBezTo>
                    <a:pt x="-49932" y="293862"/>
                    <a:pt x="35188" y="489056"/>
                    <a:pt x="165090" y="570587"/>
                  </a:cubicBezTo>
                  <a:cubicBezTo>
                    <a:pt x="294821" y="651946"/>
                    <a:pt x="496510" y="629897"/>
                    <a:pt x="579067" y="498286"/>
                  </a:cubicBezTo>
                  <a:cubicBezTo>
                    <a:pt x="661623" y="366675"/>
                    <a:pt x="601628" y="114392"/>
                    <a:pt x="471898" y="32861"/>
                  </a:cubicBezTo>
                  <a:cubicBezTo>
                    <a:pt x="341825" y="-48328"/>
                    <a:pt x="115180" y="30810"/>
                    <a:pt x="32624" y="162250"/>
                  </a:cubicBezTo>
                  <a:close/>
                </a:path>
              </a:pathLst>
            </a:custGeom>
            <a:solidFill>
              <a:srgbClr val="FC9854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0" name="Freeform: Shape 159">
              <a:extLst>
                <a:ext uri="{FF2B5EF4-FFF2-40B4-BE49-F238E27FC236}">
                  <a16:creationId xmlns:a16="http://schemas.microsoft.com/office/drawing/2014/main" id="{2521386E-F62F-4593-A8F7-AEAA4425F516}"/>
                </a:ext>
              </a:extLst>
            </p:cNvPr>
            <p:cNvSpPr/>
            <p:nvPr/>
          </p:nvSpPr>
          <p:spPr>
            <a:xfrm>
              <a:off x="9404881" y="3981985"/>
              <a:ext cx="308858" cy="348513"/>
            </a:xfrm>
            <a:custGeom>
              <a:avLst/>
              <a:gdLst>
                <a:gd name="connsiteX0" fmla="*/ 308859 w 308858"/>
                <a:gd name="connsiteY0" fmla="*/ 0 h 348513"/>
                <a:gd name="connsiteX1" fmla="*/ 0 w 308858"/>
                <a:gd name="connsiteY1" fmla="*/ 188016 h 348513"/>
                <a:gd name="connsiteX2" fmla="*/ 254334 w 308858"/>
                <a:gd name="connsiteY2" fmla="*/ 348513 h 34851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08858" h="348513">
                  <a:moveTo>
                    <a:pt x="308859" y="0"/>
                  </a:moveTo>
                  <a:lnTo>
                    <a:pt x="0" y="188016"/>
                  </a:lnTo>
                  <a:lnTo>
                    <a:pt x="254334" y="348513"/>
                  </a:lnTo>
                  <a:close/>
                </a:path>
              </a:pathLst>
            </a:custGeom>
            <a:solidFill>
              <a:srgbClr val="AFAFA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1" name="Freeform: Shape 160">
              <a:extLst>
                <a:ext uri="{FF2B5EF4-FFF2-40B4-BE49-F238E27FC236}">
                  <a16:creationId xmlns:a16="http://schemas.microsoft.com/office/drawing/2014/main" id="{1F74AA1B-86C6-4617-A49B-30564DBDA898}"/>
                </a:ext>
              </a:extLst>
            </p:cNvPr>
            <p:cNvSpPr/>
            <p:nvPr/>
          </p:nvSpPr>
          <p:spPr>
            <a:xfrm>
              <a:off x="8991417" y="4264693"/>
              <a:ext cx="275699" cy="361503"/>
            </a:xfrm>
            <a:custGeom>
              <a:avLst/>
              <a:gdLst>
                <a:gd name="connsiteX0" fmla="*/ 275700 w 275699"/>
                <a:gd name="connsiteY0" fmla="*/ 361503 h 361503"/>
                <a:gd name="connsiteX1" fmla="*/ 265273 w 275699"/>
                <a:gd name="connsiteY1" fmla="*/ 0 h 361503"/>
                <a:gd name="connsiteX2" fmla="*/ 0 w 275699"/>
                <a:gd name="connsiteY2" fmla="*/ 141525 h 361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75699" h="361503">
                  <a:moveTo>
                    <a:pt x="275700" y="361503"/>
                  </a:moveTo>
                  <a:lnTo>
                    <a:pt x="265273" y="0"/>
                  </a:lnTo>
                  <a:lnTo>
                    <a:pt x="0" y="141525"/>
                  </a:lnTo>
                  <a:close/>
                </a:path>
              </a:pathLst>
            </a:custGeom>
            <a:solidFill>
              <a:srgbClr val="FC9854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2" name="Freeform: Shape 161">
              <a:extLst>
                <a:ext uri="{FF2B5EF4-FFF2-40B4-BE49-F238E27FC236}">
                  <a16:creationId xmlns:a16="http://schemas.microsoft.com/office/drawing/2014/main" id="{13638734-9892-43AD-994E-4C91D0AC37CA}"/>
                </a:ext>
              </a:extLst>
            </p:cNvPr>
            <p:cNvSpPr/>
            <p:nvPr/>
          </p:nvSpPr>
          <p:spPr>
            <a:xfrm>
              <a:off x="8620854" y="1900308"/>
              <a:ext cx="296552" cy="358597"/>
            </a:xfrm>
            <a:custGeom>
              <a:avLst/>
              <a:gdLst>
                <a:gd name="connsiteX0" fmla="*/ 296552 w 296552"/>
                <a:gd name="connsiteY0" fmla="*/ 358598 h 358597"/>
                <a:gd name="connsiteX1" fmla="*/ 249890 w 296552"/>
                <a:gd name="connsiteY1" fmla="*/ 0 h 358597"/>
                <a:gd name="connsiteX2" fmla="*/ 0 w 296552"/>
                <a:gd name="connsiteY2" fmla="*/ 167505 h 35859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96552" h="358597">
                  <a:moveTo>
                    <a:pt x="296552" y="358598"/>
                  </a:moveTo>
                  <a:lnTo>
                    <a:pt x="249890" y="0"/>
                  </a:lnTo>
                  <a:lnTo>
                    <a:pt x="0" y="167505"/>
                  </a:lnTo>
                  <a:close/>
                </a:path>
              </a:pathLst>
            </a:custGeom>
            <a:solidFill>
              <a:srgbClr val="FC9854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3" name="Freeform: Shape 162">
              <a:extLst>
                <a:ext uri="{FF2B5EF4-FFF2-40B4-BE49-F238E27FC236}">
                  <a16:creationId xmlns:a16="http://schemas.microsoft.com/office/drawing/2014/main" id="{89E2E524-0B55-457F-9CA4-F268008CA84B}"/>
                </a:ext>
              </a:extLst>
            </p:cNvPr>
            <p:cNvSpPr/>
            <p:nvPr/>
          </p:nvSpPr>
          <p:spPr>
            <a:xfrm>
              <a:off x="8978939" y="1515217"/>
              <a:ext cx="300654" cy="325267"/>
            </a:xfrm>
            <a:custGeom>
              <a:avLst/>
              <a:gdLst>
                <a:gd name="connsiteX0" fmla="*/ 136226 w 300654"/>
                <a:gd name="connsiteY0" fmla="*/ 325267 h 325267"/>
                <a:gd name="connsiteX1" fmla="*/ 300655 w 300654"/>
                <a:gd name="connsiteY1" fmla="*/ 3248 h 325267"/>
                <a:gd name="connsiteX2" fmla="*/ 0 w 300654"/>
                <a:gd name="connsiteY2" fmla="*/ 0 h 325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00654" h="325267">
                  <a:moveTo>
                    <a:pt x="136226" y="325267"/>
                  </a:moveTo>
                  <a:lnTo>
                    <a:pt x="300655" y="3248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C9854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4" name="Freeform: Shape 163">
              <a:extLst>
                <a:ext uri="{FF2B5EF4-FFF2-40B4-BE49-F238E27FC236}">
                  <a16:creationId xmlns:a16="http://schemas.microsoft.com/office/drawing/2014/main" id="{742076AE-12CA-48FF-AF4B-4D826347B13E}"/>
                </a:ext>
              </a:extLst>
            </p:cNvPr>
            <p:cNvSpPr/>
            <p:nvPr/>
          </p:nvSpPr>
          <p:spPr>
            <a:xfrm>
              <a:off x="9399924" y="2130029"/>
              <a:ext cx="343727" cy="321678"/>
            </a:xfrm>
            <a:custGeom>
              <a:avLst/>
              <a:gdLst>
                <a:gd name="connsiteX0" fmla="*/ 343727 w 343727"/>
                <a:gd name="connsiteY0" fmla="*/ 321678 h 321678"/>
                <a:gd name="connsiteX1" fmla="*/ 178615 w 343727"/>
                <a:gd name="connsiteY1" fmla="*/ 0 h 321678"/>
                <a:gd name="connsiteX2" fmla="*/ 0 w 343727"/>
                <a:gd name="connsiteY2" fmla="*/ 242028 h 3216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343727" h="321678">
                  <a:moveTo>
                    <a:pt x="343727" y="321678"/>
                  </a:moveTo>
                  <a:lnTo>
                    <a:pt x="178615" y="0"/>
                  </a:lnTo>
                  <a:lnTo>
                    <a:pt x="0" y="242028"/>
                  </a:lnTo>
                  <a:close/>
                </a:path>
              </a:pathLst>
            </a:custGeom>
            <a:solidFill>
              <a:srgbClr val="1E1E1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5" name="Freeform: Shape 164">
              <a:extLst>
                <a:ext uri="{FF2B5EF4-FFF2-40B4-BE49-F238E27FC236}">
                  <a16:creationId xmlns:a16="http://schemas.microsoft.com/office/drawing/2014/main" id="{A93E7C24-341E-47C3-9721-06E05114B393}"/>
                </a:ext>
              </a:extLst>
            </p:cNvPr>
            <p:cNvSpPr/>
            <p:nvPr/>
          </p:nvSpPr>
          <p:spPr>
            <a:xfrm>
              <a:off x="9492052" y="5844710"/>
              <a:ext cx="296723" cy="351248"/>
            </a:xfrm>
            <a:custGeom>
              <a:avLst/>
              <a:gdLst>
                <a:gd name="connsiteX0" fmla="*/ 0 w 296723"/>
                <a:gd name="connsiteY0" fmla="*/ 351248 h 351248"/>
                <a:gd name="connsiteX1" fmla="*/ 296723 w 296723"/>
                <a:gd name="connsiteY1" fmla="*/ 144431 h 351248"/>
                <a:gd name="connsiteX2" fmla="*/ 32988 w 296723"/>
                <a:gd name="connsiteY2" fmla="*/ 0 h 35124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96723" h="351248">
                  <a:moveTo>
                    <a:pt x="0" y="351248"/>
                  </a:moveTo>
                  <a:lnTo>
                    <a:pt x="296723" y="144431"/>
                  </a:lnTo>
                  <a:lnTo>
                    <a:pt x="32988" y="0"/>
                  </a:lnTo>
                  <a:close/>
                </a:path>
              </a:pathLst>
            </a:custGeom>
            <a:solidFill>
              <a:srgbClr val="FCD349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6" name="Freeform: Shape 165">
              <a:extLst>
                <a:ext uri="{FF2B5EF4-FFF2-40B4-BE49-F238E27FC236}">
                  <a16:creationId xmlns:a16="http://schemas.microsoft.com/office/drawing/2014/main" id="{CEBAFB75-6649-4659-8666-891492FE4F98}"/>
                </a:ext>
              </a:extLst>
            </p:cNvPr>
            <p:cNvSpPr/>
            <p:nvPr/>
          </p:nvSpPr>
          <p:spPr>
            <a:xfrm>
              <a:off x="7792901" y="624706"/>
              <a:ext cx="285613" cy="360648"/>
            </a:xfrm>
            <a:custGeom>
              <a:avLst/>
              <a:gdLst>
                <a:gd name="connsiteX0" fmla="*/ 285613 w 285613"/>
                <a:gd name="connsiteY0" fmla="*/ 360649 h 360648"/>
                <a:gd name="connsiteX1" fmla="*/ 258607 w 285613"/>
                <a:gd name="connsiteY1" fmla="*/ 0 h 360648"/>
                <a:gd name="connsiteX2" fmla="*/ 0 w 285613"/>
                <a:gd name="connsiteY2" fmla="*/ 153660 h 36064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85613" h="360648">
                  <a:moveTo>
                    <a:pt x="285613" y="360649"/>
                  </a:moveTo>
                  <a:lnTo>
                    <a:pt x="258607" y="0"/>
                  </a:lnTo>
                  <a:lnTo>
                    <a:pt x="0" y="153660"/>
                  </a:lnTo>
                  <a:close/>
                </a:path>
              </a:pathLst>
            </a:custGeom>
            <a:solidFill>
              <a:srgbClr val="8DCEB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7" name="Freeform: Shape 166">
              <a:extLst>
                <a:ext uri="{FF2B5EF4-FFF2-40B4-BE49-F238E27FC236}">
                  <a16:creationId xmlns:a16="http://schemas.microsoft.com/office/drawing/2014/main" id="{4C2298D9-19A3-4C89-9A8F-2DD57441D970}"/>
                </a:ext>
              </a:extLst>
            </p:cNvPr>
            <p:cNvSpPr/>
            <p:nvPr/>
          </p:nvSpPr>
          <p:spPr>
            <a:xfrm>
              <a:off x="9201653" y="6365001"/>
              <a:ext cx="296552" cy="351248"/>
            </a:xfrm>
            <a:custGeom>
              <a:avLst/>
              <a:gdLst>
                <a:gd name="connsiteX0" fmla="*/ 0 w 296552"/>
                <a:gd name="connsiteY0" fmla="*/ 351248 h 351248"/>
                <a:gd name="connsiteX1" fmla="*/ 296552 w 296552"/>
                <a:gd name="connsiteY1" fmla="*/ 144431 h 351248"/>
                <a:gd name="connsiteX2" fmla="*/ 32817 w 296552"/>
                <a:gd name="connsiteY2" fmla="*/ 0 h 35124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96552" h="351248">
                  <a:moveTo>
                    <a:pt x="0" y="351248"/>
                  </a:moveTo>
                  <a:lnTo>
                    <a:pt x="296552" y="144431"/>
                  </a:lnTo>
                  <a:lnTo>
                    <a:pt x="32817" y="0"/>
                  </a:lnTo>
                  <a:close/>
                </a:path>
              </a:pathLst>
            </a:custGeom>
            <a:solidFill>
              <a:srgbClr val="8DCEB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8" name="Freeform: Shape 167">
              <a:extLst>
                <a:ext uri="{FF2B5EF4-FFF2-40B4-BE49-F238E27FC236}">
                  <a16:creationId xmlns:a16="http://schemas.microsoft.com/office/drawing/2014/main" id="{C52475EE-921A-4D46-BDC6-5B05CFC3F483}"/>
                </a:ext>
              </a:extLst>
            </p:cNvPr>
            <p:cNvSpPr/>
            <p:nvPr/>
          </p:nvSpPr>
          <p:spPr>
            <a:xfrm>
              <a:off x="8912279" y="2526913"/>
              <a:ext cx="216902" cy="344752"/>
            </a:xfrm>
            <a:custGeom>
              <a:avLst/>
              <a:gdLst>
                <a:gd name="connsiteX0" fmla="*/ 216902 w 216902"/>
                <a:gd name="connsiteY0" fmla="*/ 281853 h 344752"/>
                <a:gd name="connsiteX1" fmla="*/ 132979 w 216902"/>
                <a:gd name="connsiteY1" fmla="*/ 0 h 344752"/>
                <a:gd name="connsiteX2" fmla="*/ 0 w 216902"/>
                <a:gd name="connsiteY2" fmla="*/ 108536 h 344752"/>
                <a:gd name="connsiteX3" fmla="*/ 132124 w 216902"/>
                <a:gd name="connsiteY3" fmla="*/ 344753 h 34475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16902" h="344752">
                  <a:moveTo>
                    <a:pt x="216902" y="281853"/>
                  </a:moveTo>
                  <a:lnTo>
                    <a:pt x="132979" y="0"/>
                  </a:lnTo>
                  <a:lnTo>
                    <a:pt x="0" y="108536"/>
                  </a:lnTo>
                  <a:lnTo>
                    <a:pt x="132124" y="344753"/>
                  </a:lnTo>
                  <a:close/>
                </a:path>
              </a:pathLst>
            </a:custGeom>
            <a:solidFill>
              <a:srgbClr val="8DCEBF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69" name="Freeform: Shape 168">
              <a:extLst>
                <a:ext uri="{FF2B5EF4-FFF2-40B4-BE49-F238E27FC236}">
                  <a16:creationId xmlns:a16="http://schemas.microsoft.com/office/drawing/2014/main" id="{C12B4EBD-4B22-4839-A08D-40376AB41026}"/>
                </a:ext>
              </a:extLst>
            </p:cNvPr>
            <p:cNvSpPr/>
            <p:nvPr/>
          </p:nvSpPr>
          <p:spPr>
            <a:xfrm>
              <a:off x="8411815" y="5805739"/>
              <a:ext cx="217585" cy="344581"/>
            </a:xfrm>
            <a:custGeom>
              <a:avLst/>
              <a:gdLst>
                <a:gd name="connsiteX0" fmla="*/ 0 w 217585"/>
                <a:gd name="connsiteY0" fmla="*/ 63071 h 344581"/>
                <a:gd name="connsiteX1" fmla="*/ 84949 w 217585"/>
                <a:gd name="connsiteY1" fmla="*/ 344582 h 344581"/>
                <a:gd name="connsiteX2" fmla="*/ 217586 w 217585"/>
                <a:gd name="connsiteY2" fmla="*/ 235533 h 344581"/>
                <a:gd name="connsiteX3" fmla="*/ 84607 w 217585"/>
                <a:gd name="connsiteY3" fmla="*/ 0 h 3445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17585" h="344581">
                  <a:moveTo>
                    <a:pt x="0" y="63071"/>
                  </a:moveTo>
                  <a:lnTo>
                    <a:pt x="84949" y="344582"/>
                  </a:lnTo>
                  <a:lnTo>
                    <a:pt x="217586" y="235533"/>
                  </a:lnTo>
                  <a:lnTo>
                    <a:pt x="84607" y="0"/>
                  </a:lnTo>
                  <a:close/>
                </a:path>
              </a:pathLst>
            </a:custGeom>
            <a:solidFill>
              <a:srgbClr val="FCDB81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0" name="Freeform: Shape 169">
              <a:extLst>
                <a:ext uri="{FF2B5EF4-FFF2-40B4-BE49-F238E27FC236}">
                  <a16:creationId xmlns:a16="http://schemas.microsoft.com/office/drawing/2014/main" id="{72C6E490-8216-4FD2-B879-1C65F49DF07D}"/>
                </a:ext>
              </a:extLst>
            </p:cNvPr>
            <p:cNvSpPr/>
            <p:nvPr/>
          </p:nvSpPr>
          <p:spPr>
            <a:xfrm>
              <a:off x="9251904" y="1047912"/>
              <a:ext cx="222029" cy="344410"/>
            </a:xfrm>
            <a:custGeom>
              <a:avLst/>
              <a:gdLst>
                <a:gd name="connsiteX0" fmla="*/ 0 w 222029"/>
                <a:gd name="connsiteY0" fmla="*/ 65293 h 344410"/>
                <a:gd name="connsiteX1" fmla="*/ 92299 w 222029"/>
                <a:gd name="connsiteY1" fmla="*/ 344411 h 344410"/>
                <a:gd name="connsiteX2" fmla="*/ 222030 w 222029"/>
                <a:gd name="connsiteY2" fmla="*/ 231943 h 344410"/>
                <a:gd name="connsiteX3" fmla="*/ 82898 w 222029"/>
                <a:gd name="connsiteY3" fmla="*/ 0 h 3444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22029" h="344410">
                  <a:moveTo>
                    <a:pt x="0" y="65293"/>
                  </a:moveTo>
                  <a:lnTo>
                    <a:pt x="92299" y="344411"/>
                  </a:lnTo>
                  <a:lnTo>
                    <a:pt x="222030" y="231943"/>
                  </a:lnTo>
                  <a:lnTo>
                    <a:pt x="82898" y="0"/>
                  </a:lnTo>
                  <a:close/>
                </a:path>
              </a:pathLst>
            </a:custGeom>
            <a:solidFill>
              <a:srgbClr val="F9A0A0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1" name="Freeform: Shape 170">
              <a:extLst>
                <a:ext uri="{FF2B5EF4-FFF2-40B4-BE49-F238E27FC236}">
                  <a16:creationId xmlns:a16="http://schemas.microsoft.com/office/drawing/2014/main" id="{8AE86EBB-8B59-469B-AD44-A1F812602B94}"/>
                </a:ext>
              </a:extLst>
            </p:cNvPr>
            <p:cNvSpPr/>
            <p:nvPr/>
          </p:nvSpPr>
          <p:spPr>
            <a:xfrm>
              <a:off x="8557271" y="1367539"/>
              <a:ext cx="177760" cy="295184"/>
            </a:xfrm>
            <a:custGeom>
              <a:avLst/>
              <a:gdLst>
                <a:gd name="connsiteX0" fmla="*/ 104947 w 177760"/>
                <a:gd name="connsiteY0" fmla="*/ 284930 h 295184"/>
                <a:gd name="connsiteX1" fmla="*/ 177760 w 177760"/>
                <a:gd name="connsiteY1" fmla="*/ 0 h 295184"/>
                <a:gd name="connsiteX2" fmla="*/ 7862 w 177760"/>
                <a:gd name="connsiteY2" fmla="*/ 24784 h 295184"/>
                <a:gd name="connsiteX3" fmla="*/ 0 w 177760"/>
                <a:gd name="connsiteY3" fmla="*/ 295185 h 2951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77760" h="295184">
                  <a:moveTo>
                    <a:pt x="104947" y="284930"/>
                  </a:moveTo>
                  <a:lnTo>
                    <a:pt x="177760" y="0"/>
                  </a:lnTo>
                  <a:lnTo>
                    <a:pt x="7862" y="24784"/>
                  </a:lnTo>
                  <a:lnTo>
                    <a:pt x="0" y="295185"/>
                  </a:lnTo>
                  <a:close/>
                </a:path>
              </a:pathLst>
            </a:custGeom>
            <a:solidFill>
              <a:srgbClr val="1E1E1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2" name="Freeform: Shape 171">
              <a:extLst>
                <a:ext uri="{FF2B5EF4-FFF2-40B4-BE49-F238E27FC236}">
                  <a16:creationId xmlns:a16="http://schemas.microsoft.com/office/drawing/2014/main" id="{28438306-F0CF-4F49-A721-CF31706A8C87}"/>
                </a:ext>
              </a:extLst>
            </p:cNvPr>
            <p:cNvSpPr/>
            <p:nvPr/>
          </p:nvSpPr>
          <p:spPr>
            <a:xfrm>
              <a:off x="8692129" y="6341926"/>
              <a:ext cx="272794" cy="305098"/>
            </a:xfrm>
            <a:custGeom>
              <a:avLst/>
              <a:gdLst>
                <a:gd name="connsiteX0" fmla="*/ 272794 w 272794"/>
                <a:gd name="connsiteY0" fmla="*/ 209894 h 305098"/>
                <a:gd name="connsiteX1" fmla="*/ 66831 w 272794"/>
                <a:gd name="connsiteY1" fmla="*/ 0 h 305098"/>
                <a:gd name="connsiteX2" fmla="*/ 0 w 272794"/>
                <a:gd name="connsiteY2" fmla="*/ 158104 h 305098"/>
                <a:gd name="connsiteX3" fmla="*/ 227157 w 272794"/>
                <a:gd name="connsiteY3" fmla="*/ 305099 h 30509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72794" h="305098">
                  <a:moveTo>
                    <a:pt x="272794" y="209894"/>
                  </a:moveTo>
                  <a:lnTo>
                    <a:pt x="66831" y="0"/>
                  </a:lnTo>
                  <a:lnTo>
                    <a:pt x="0" y="158104"/>
                  </a:lnTo>
                  <a:lnTo>
                    <a:pt x="227157" y="305099"/>
                  </a:lnTo>
                  <a:close/>
                </a:path>
              </a:pathLst>
            </a:custGeom>
            <a:solidFill>
              <a:srgbClr val="1E1E1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3" name="Freeform: Shape 172">
              <a:extLst>
                <a:ext uri="{FF2B5EF4-FFF2-40B4-BE49-F238E27FC236}">
                  <a16:creationId xmlns:a16="http://schemas.microsoft.com/office/drawing/2014/main" id="{DFA9404F-89FA-4E8E-A487-CE093D333A94}"/>
                </a:ext>
              </a:extLst>
            </p:cNvPr>
            <p:cNvSpPr/>
            <p:nvPr/>
          </p:nvSpPr>
          <p:spPr>
            <a:xfrm>
              <a:off x="8325327" y="760590"/>
              <a:ext cx="215705" cy="287322"/>
            </a:xfrm>
            <a:custGeom>
              <a:avLst/>
              <a:gdLst>
                <a:gd name="connsiteX0" fmla="*/ 215706 w 215705"/>
                <a:gd name="connsiteY0" fmla="*/ 124603 h 287322"/>
                <a:gd name="connsiteX1" fmla="*/ 166992 w 215705"/>
                <a:gd name="connsiteY1" fmla="*/ 287322 h 287322"/>
                <a:gd name="connsiteX2" fmla="*/ 0 w 215705"/>
                <a:gd name="connsiteY2" fmla="*/ 234336 h 287322"/>
                <a:gd name="connsiteX3" fmla="*/ 96914 w 215705"/>
                <a:gd name="connsiteY3" fmla="*/ 0 h 2873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15705" h="287322">
                  <a:moveTo>
                    <a:pt x="215706" y="124603"/>
                  </a:moveTo>
                  <a:lnTo>
                    <a:pt x="166992" y="287322"/>
                  </a:lnTo>
                  <a:lnTo>
                    <a:pt x="0" y="234336"/>
                  </a:lnTo>
                  <a:lnTo>
                    <a:pt x="96914" y="0"/>
                  </a:lnTo>
                  <a:close/>
                </a:path>
              </a:pathLst>
            </a:custGeom>
            <a:solidFill>
              <a:srgbClr val="EA4E4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4" name="Freeform: Shape 173">
              <a:extLst>
                <a:ext uri="{FF2B5EF4-FFF2-40B4-BE49-F238E27FC236}">
                  <a16:creationId xmlns:a16="http://schemas.microsoft.com/office/drawing/2014/main" id="{8BADEA0B-5233-40F8-B066-A04895943F6A}"/>
                </a:ext>
              </a:extLst>
            </p:cNvPr>
            <p:cNvSpPr/>
            <p:nvPr/>
          </p:nvSpPr>
          <p:spPr>
            <a:xfrm>
              <a:off x="9571873" y="1580168"/>
              <a:ext cx="267666" cy="352273"/>
            </a:xfrm>
            <a:custGeom>
              <a:avLst/>
              <a:gdLst>
                <a:gd name="connsiteX0" fmla="*/ 182717 w 267666"/>
                <a:gd name="connsiteY0" fmla="*/ 144089 h 352273"/>
                <a:gd name="connsiteX1" fmla="*/ 182717 w 267666"/>
                <a:gd name="connsiteY1" fmla="*/ 0 h 352273"/>
                <a:gd name="connsiteX2" fmla="*/ 97255 w 267666"/>
                <a:gd name="connsiteY2" fmla="*/ 121185 h 352273"/>
                <a:gd name="connsiteX3" fmla="*/ 0 w 267666"/>
                <a:gd name="connsiteY3" fmla="*/ 118450 h 352273"/>
                <a:gd name="connsiteX4" fmla="*/ 48542 w 267666"/>
                <a:gd name="connsiteY4" fmla="*/ 206988 h 352273"/>
                <a:gd name="connsiteX5" fmla="*/ 0 w 267666"/>
                <a:gd name="connsiteY5" fmla="*/ 278947 h 352273"/>
                <a:gd name="connsiteX6" fmla="*/ 127338 w 267666"/>
                <a:gd name="connsiteY6" fmla="*/ 248181 h 352273"/>
                <a:gd name="connsiteX7" fmla="*/ 182717 w 267666"/>
                <a:gd name="connsiteY7" fmla="*/ 352273 h 352273"/>
                <a:gd name="connsiteX8" fmla="*/ 182717 w 267666"/>
                <a:gd name="connsiteY8" fmla="*/ 223910 h 352273"/>
                <a:gd name="connsiteX9" fmla="*/ 267666 w 267666"/>
                <a:gd name="connsiteY9" fmla="*/ 179470 h 35227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67666" h="352273">
                  <a:moveTo>
                    <a:pt x="182717" y="144089"/>
                  </a:moveTo>
                  <a:lnTo>
                    <a:pt x="182717" y="0"/>
                  </a:lnTo>
                  <a:lnTo>
                    <a:pt x="97255" y="121185"/>
                  </a:lnTo>
                  <a:lnTo>
                    <a:pt x="0" y="118450"/>
                  </a:lnTo>
                  <a:lnTo>
                    <a:pt x="48542" y="206988"/>
                  </a:lnTo>
                  <a:lnTo>
                    <a:pt x="0" y="278947"/>
                  </a:lnTo>
                  <a:lnTo>
                    <a:pt x="127338" y="248181"/>
                  </a:lnTo>
                  <a:lnTo>
                    <a:pt x="182717" y="352273"/>
                  </a:lnTo>
                  <a:lnTo>
                    <a:pt x="182717" y="223910"/>
                  </a:lnTo>
                  <a:lnTo>
                    <a:pt x="267666" y="179470"/>
                  </a:lnTo>
                  <a:close/>
                </a:path>
              </a:pathLst>
            </a:custGeom>
            <a:solidFill>
              <a:srgbClr val="FCDB81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  <p:sp>
          <p:nvSpPr>
            <p:cNvPr id="175" name="Freeform: Shape 174">
              <a:extLst>
                <a:ext uri="{FF2B5EF4-FFF2-40B4-BE49-F238E27FC236}">
                  <a16:creationId xmlns:a16="http://schemas.microsoft.com/office/drawing/2014/main" id="{9E87444B-D5F8-4383-88DB-4CCF5C89ED04}"/>
                </a:ext>
              </a:extLst>
            </p:cNvPr>
            <p:cNvSpPr/>
            <p:nvPr/>
          </p:nvSpPr>
          <p:spPr>
            <a:xfrm>
              <a:off x="9349843" y="4729605"/>
              <a:ext cx="284587" cy="333300"/>
            </a:xfrm>
            <a:custGeom>
              <a:avLst/>
              <a:gdLst>
                <a:gd name="connsiteX0" fmla="*/ 163916 w 284587"/>
                <a:gd name="connsiteY0" fmla="*/ 117595 h 333300"/>
                <a:gd name="connsiteX1" fmla="*/ 80334 w 284587"/>
                <a:gd name="connsiteY1" fmla="*/ 0 h 333300"/>
                <a:gd name="connsiteX2" fmla="*/ 81018 w 284587"/>
                <a:gd name="connsiteY2" fmla="*/ 148362 h 333300"/>
                <a:gd name="connsiteX3" fmla="*/ 0 w 284587"/>
                <a:gd name="connsiteY3" fmla="*/ 202544 h 333300"/>
                <a:gd name="connsiteX4" fmla="*/ 91102 w 284587"/>
                <a:gd name="connsiteY4" fmla="*/ 246472 h 333300"/>
                <a:gd name="connsiteX5" fmla="*/ 93153 w 284587"/>
                <a:gd name="connsiteY5" fmla="*/ 333301 h 333300"/>
                <a:gd name="connsiteX6" fmla="*/ 179128 w 284587"/>
                <a:gd name="connsiteY6" fmla="*/ 234507 h 333300"/>
                <a:gd name="connsiteX7" fmla="*/ 284588 w 284587"/>
                <a:gd name="connsiteY7" fmla="*/ 287151 h 333300"/>
                <a:gd name="connsiteX8" fmla="*/ 210065 w 284587"/>
                <a:gd name="connsiteY8" fmla="*/ 182546 h 333300"/>
                <a:gd name="connsiteX9" fmla="*/ 253651 w 284587"/>
                <a:gd name="connsiteY9" fmla="*/ 97084 h 333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284587" h="333300">
                  <a:moveTo>
                    <a:pt x="163916" y="117595"/>
                  </a:moveTo>
                  <a:lnTo>
                    <a:pt x="80334" y="0"/>
                  </a:lnTo>
                  <a:lnTo>
                    <a:pt x="81018" y="148362"/>
                  </a:lnTo>
                  <a:lnTo>
                    <a:pt x="0" y="202544"/>
                  </a:lnTo>
                  <a:lnTo>
                    <a:pt x="91102" y="246472"/>
                  </a:lnTo>
                  <a:lnTo>
                    <a:pt x="93153" y="333301"/>
                  </a:lnTo>
                  <a:lnTo>
                    <a:pt x="179128" y="234507"/>
                  </a:lnTo>
                  <a:lnTo>
                    <a:pt x="284588" y="287151"/>
                  </a:lnTo>
                  <a:lnTo>
                    <a:pt x="210065" y="182546"/>
                  </a:lnTo>
                  <a:lnTo>
                    <a:pt x="253651" y="97084"/>
                  </a:lnTo>
                  <a:close/>
                </a:path>
              </a:pathLst>
            </a:custGeom>
            <a:solidFill>
              <a:srgbClr val="EA4E4E"/>
            </a:solidFill>
            <a:ln w="17066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th-TH"/>
            </a:p>
          </p:txBody>
        </p:sp>
      </p:grpSp>
      <p:pic>
        <p:nvPicPr>
          <p:cNvPr id="176" name="Picture 175">
            <a:extLst>
              <a:ext uri="{FF2B5EF4-FFF2-40B4-BE49-F238E27FC236}">
                <a16:creationId xmlns:a16="http://schemas.microsoft.com/office/drawing/2014/main" id="{2205F259-0029-4DEC-BA11-A146B249876E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2705493" y="1420705"/>
            <a:ext cx="6882392" cy="437152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0659003"/>
      </p:ext>
    </p:extLst>
  </p:cSld>
  <p:clrMapOvr>
    <a:masterClrMapping/>
  </p:clrMapOvr>
  <mc:AlternateContent xmlns:mc="http://schemas.openxmlformats.org/markup-compatibility/2006">
    <mc:Choice xmlns="" xmlns:p159="http://schemas.microsoft.com/office/powerpoint/2015/09/main" Requires="p159">
      <p:transition xmlns:p14="http://schemas.microsoft.com/office/powerpoint/2010/main" spd="slow" p14:dur="2000" advTm="2517">
        <p159:morph option="byObject"/>
      </p:transition>
    </mc:Choice>
    <mc:Fallback>
      <p:transition spd="slow" advTm="2517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7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7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7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m-thanh-phep-thuat-www_nhacchuongvui_com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8BF302CE-0940-4A3F-A98C-2C7A9311BE4F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621E06BB-D776-4501-BBE1-261A54A73B3F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>
            <a:extLst>
              <a:ext uri="{FF2B5EF4-FFF2-40B4-BE49-F238E27FC236}">
                <a16:creationId xmlns:a16="http://schemas.microsoft.com/office/drawing/2014/main" id="{8CE256D7-9F74-4CF5-9B99-1158B684A52B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7" name="ISPRING_QUIZ_SHAPE3">
            <a:extLst>
              <a:ext uri="{FF2B5EF4-FFF2-40B4-BE49-F238E27FC236}">
                <a16:creationId xmlns:a16="http://schemas.microsoft.com/office/drawing/2014/main" id="{CBDD9EDC-B9A5-4E98-8E91-1E10ED3B4BE3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id="{5B64B844-0B94-43AB-9484-6BBA1E4EBB96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876503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5000"/>
    </mc:Choice>
    <mc:Fallback xmlns="">
      <p:transition spd="slow" advTm="500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" name="图片 26">
            <a:extLst>
              <a:ext uri="{FF2B5EF4-FFF2-40B4-BE49-F238E27FC236}">
                <a16:creationId xmlns:a16="http://schemas.microsoft.com/office/drawing/2014/main" id="{93BE9C9E-C7AA-45C0-92FC-5CE8FF41C689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1270680"/>
            <a:ext cx="12192000" cy="4316640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789CA887-C328-4EF8-BD37-F5F28B4E8AF4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68AFFE7B-7389-447A-A90E-08CB02B9D1C3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grpSp>
        <p:nvGrpSpPr>
          <p:cNvPr id="2" name="组合 8">
            <a:extLst>
              <a:ext uri="{FF2B5EF4-FFF2-40B4-BE49-F238E27FC236}">
                <a16:creationId xmlns:a16="http://schemas.microsoft.com/office/drawing/2014/main" id="{B6F1A4B1-2D73-8F76-0D76-4A3324174CAA}"/>
              </a:ext>
            </a:extLst>
          </p:cNvPr>
          <p:cNvGrpSpPr/>
          <p:nvPr/>
        </p:nvGrpSpPr>
        <p:grpSpPr>
          <a:xfrm>
            <a:off x="2877360" y="1270680"/>
            <a:ext cx="6622122" cy="4036197"/>
            <a:chOff x="4214128" y="241783"/>
            <a:chExt cx="6814749" cy="4391384"/>
          </a:xfrm>
        </p:grpSpPr>
        <p:pic>
          <p:nvPicPr>
            <p:cNvPr id="3" name="图片 5">
              <a:extLst>
                <a:ext uri="{FF2B5EF4-FFF2-40B4-BE49-F238E27FC236}">
                  <a16:creationId xmlns:a16="http://schemas.microsoft.com/office/drawing/2014/main" id="{83EC2E38-06A8-89D5-95F5-2557FED732C6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4214128" y="241783"/>
              <a:ext cx="6814749" cy="4391384"/>
            </a:xfrm>
            <a:prstGeom prst="rect">
              <a:avLst/>
            </a:prstGeom>
          </p:spPr>
        </p:pic>
        <p:sp>
          <p:nvSpPr>
            <p:cNvPr id="4" name="文本框 7">
              <a:extLst>
                <a:ext uri="{FF2B5EF4-FFF2-40B4-BE49-F238E27FC236}">
                  <a16:creationId xmlns:a16="http://schemas.microsoft.com/office/drawing/2014/main" id="{C91A3466-073B-6E0E-1ADD-AA6088BFDE8D}"/>
                </a:ext>
              </a:extLst>
            </p:cNvPr>
            <p:cNvSpPr txBox="1"/>
            <p:nvPr/>
          </p:nvSpPr>
          <p:spPr>
            <a:xfrm>
              <a:off x="5485127" y="1684036"/>
              <a:ext cx="3940908" cy="150687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fontAlgn="auto"/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2.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Nghệ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thuật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/>
              </a:r>
              <a:b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</a:b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   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múa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rối</a:t>
              </a:r>
              <a:r>
                <a:rPr lang="en-US" altLang="zh-CN" sz="4200" b="1" dirty="0">
                  <a:solidFill>
                    <a:srgbClr val="3E830E"/>
                  </a:solidFill>
                  <a:cs typeface="+mn-ea"/>
                  <a:sym typeface="+mn-lt"/>
                </a:rPr>
                <a:t> </a:t>
              </a:r>
              <a:r>
                <a:rPr lang="en-US" altLang="zh-CN" sz="4200" b="1" dirty="0" err="1">
                  <a:solidFill>
                    <a:srgbClr val="3E830E"/>
                  </a:solidFill>
                  <a:cs typeface="+mn-ea"/>
                  <a:sym typeface="+mn-lt"/>
                </a:rPr>
                <a:t>bóng</a:t>
              </a:r>
              <a:endParaRPr lang="zh-CN" altLang="en-US" sz="4200" b="1" dirty="0">
                <a:solidFill>
                  <a:srgbClr val="3E830E"/>
                </a:solidFill>
                <a:cs typeface="+mn-ea"/>
                <a:sym typeface="+mn-lt"/>
              </a:endParaRPr>
            </a:p>
          </p:txBody>
        </p:sp>
      </p:grpSp>
      <p:pic>
        <p:nvPicPr>
          <p:cNvPr id="5" name="图片 3" descr="4">
            <a:extLst>
              <a:ext uri="{FF2B5EF4-FFF2-40B4-BE49-F238E27FC236}">
                <a16:creationId xmlns:a16="http://schemas.microsoft.com/office/drawing/2014/main" id="{D77AA775-04C1-5712-D52B-A3324A5455E1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0" y="4104391"/>
            <a:ext cx="12192000" cy="295211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60431472-E9A9-18E4-1D13-4E1111AEE653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290195" y="469265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DFA9F129-254C-AADE-80D1-9B7775987296}"/>
              </a:ext>
            </a:extLst>
          </p:cNvPr>
          <p:cNvPicPr>
            <a:picLocks noChangeAspect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9177020" y="-67310"/>
            <a:ext cx="2741295" cy="2768600"/>
          </a:xfrm>
          <a:prstGeom prst="rect">
            <a:avLst/>
          </a:prstGeom>
        </p:spPr>
      </p:pic>
      <p:pic>
        <p:nvPicPr>
          <p:cNvPr id="28" name="图片 2" descr="琴键">
            <a:extLst>
              <a:ext uri="{FF2B5EF4-FFF2-40B4-BE49-F238E27FC236}">
                <a16:creationId xmlns:a16="http://schemas.microsoft.com/office/drawing/2014/main" id="{AAE137EA-2A69-8B96-7BE6-8234FD1E04C3}"/>
              </a:ext>
            </a:extLst>
          </p:cNvPr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110105" y="0"/>
            <a:ext cx="7970520" cy="12719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743393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Tm="24633">
        <p14:reveal/>
      </p:transition>
    </mc:Choice>
    <mc:Fallback xmlns="">
      <p:transition spd="slow" advTm="24633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Google Shape;553;p19">
            <a:extLst>
              <a:ext uri="{FF2B5EF4-FFF2-40B4-BE49-F238E27FC236}">
                <a16:creationId xmlns:a16="http://schemas.microsoft.com/office/drawing/2014/main" id="{B3A05D04-E80D-8F9B-C3FE-74E6E55C28DF}"/>
              </a:ext>
            </a:extLst>
          </p:cNvPr>
          <p:cNvSpPr/>
          <p:nvPr/>
        </p:nvSpPr>
        <p:spPr>
          <a:xfrm>
            <a:off x="3828683" y="1548130"/>
            <a:ext cx="6778357" cy="3735705"/>
          </a:xfrm>
          <a:custGeom>
            <a:avLst/>
            <a:gdLst/>
            <a:ahLst/>
            <a:cxnLst/>
            <a:rect l="l" t="t" r="r" b="b"/>
            <a:pathLst>
              <a:path w="68961" h="34360" extrusionOk="0">
                <a:moveTo>
                  <a:pt x="29793" y="627"/>
                </a:moveTo>
                <a:cubicBezTo>
                  <a:pt x="31042" y="627"/>
                  <a:pt x="32291" y="656"/>
                  <a:pt x="33536" y="708"/>
                </a:cubicBezTo>
                <a:cubicBezTo>
                  <a:pt x="39019" y="872"/>
                  <a:pt x="44666" y="1385"/>
                  <a:pt x="50149" y="2248"/>
                </a:cubicBezTo>
                <a:cubicBezTo>
                  <a:pt x="55612" y="3193"/>
                  <a:pt x="61444" y="4897"/>
                  <a:pt x="65120" y="9600"/>
                </a:cubicBezTo>
                <a:cubicBezTo>
                  <a:pt x="68960" y="14570"/>
                  <a:pt x="68550" y="20977"/>
                  <a:pt x="64340" y="25597"/>
                </a:cubicBezTo>
                <a:cubicBezTo>
                  <a:pt x="60417" y="30054"/>
                  <a:pt x="54421" y="31512"/>
                  <a:pt x="48855" y="32456"/>
                </a:cubicBezTo>
                <a:cubicBezTo>
                  <a:pt x="43610" y="33353"/>
                  <a:pt x="38244" y="33806"/>
                  <a:pt x="32898" y="33806"/>
                </a:cubicBezTo>
                <a:cubicBezTo>
                  <a:pt x="31630" y="33806"/>
                  <a:pt x="30364" y="33781"/>
                  <a:pt x="29100" y="33730"/>
                </a:cubicBezTo>
                <a:cubicBezTo>
                  <a:pt x="23699" y="33483"/>
                  <a:pt x="18134" y="33052"/>
                  <a:pt x="12917" y="31245"/>
                </a:cubicBezTo>
                <a:cubicBezTo>
                  <a:pt x="7619" y="29376"/>
                  <a:pt x="2485" y="25782"/>
                  <a:pt x="1109" y="19786"/>
                </a:cubicBezTo>
                <a:cubicBezTo>
                  <a:pt x="0" y="15432"/>
                  <a:pt x="1027" y="10627"/>
                  <a:pt x="3594" y="7115"/>
                </a:cubicBezTo>
                <a:cubicBezTo>
                  <a:pt x="11507" y="2147"/>
                  <a:pt x="20660" y="627"/>
                  <a:pt x="29793" y="627"/>
                </a:cubicBezTo>
                <a:close/>
                <a:moveTo>
                  <a:pt x="30015" y="1"/>
                </a:moveTo>
                <a:cubicBezTo>
                  <a:pt x="21187" y="1"/>
                  <a:pt x="12367" y="1344"/>
                  <a:pt x="4621" y="5760"/>
                </a:cubicBezTo>
                <a:cubicBezTo>
                  <a:pt x="5134" y="5246"/>
                  <a:pt x="5730" y="4733"/>
                  <a:pt x="6325" y="4219"/>
                </a:cubicBezTo>
                <a:cubicBezTo>
                  <a:pt x="6486" y="4148"/>
                  <a:pt x="6367" y="3937"/>
                  <a:pt x="6226" y="3937"/>
                </a:cubicBezTo>
                <a:cubicBezTo>
                  <a:pt x="6204" y="3937"/>
                  <a:pt x="6182" y="3942"/>
                  <a:pt x="6161" y="3952"/>
                </a:cubicBezTo>
                <a:cubicBezTo>
                  <a:pt x="5216" y="4651"/>
                  <a:pt x="4374" y="5493"/>
                  <a:pt x="3676" y="6355"/>
                </a:cubicBezTo>
                <a:cubicBezTo>
                  <a:pt x="3081" y="6704"/>
                  <a:pt x="2485" y="7115"/>
                  <a:pt x="1890" y="7464"/>
                </a:cubicBezTo>
                <a:cubicBezTo>
                  <a:pt x="1675" y="7679"/>
                  <a:pt x="1805" y="8052"/>
                  <a:pt x="1993" y="8052"/>
                </a:cubicBezTo>
                <a:cubicBezTo>
                  <a:pt x="2038" y="8052"/>
                  <a:pt x="2088" y="8030"/>
                  <a:pt x="2136" y="7977"/>
                </a:cubicBezTo>
                <a:cubicBezTo>
                  <a:pt x="2403" y="7895"/>
                  <a:pt x="2567" y="7731"/>
                  <a:pt x="2731" y="7628"/>
                </a:cubicBezTo>
                <a:lnTo>
                  <a:pt x="2731" y="7628"/>
                </a:lnTo>
                <a:cubicBezTo>
                  <a:pt x="1109" y="10031"/>
                  <a:pt x="267" y="12947"/>
                  <a:pt x="164" y="15945"/>
                </a:cubicBezTo>
                <a:cubicBezTo>
                  <a:pt x="82" y="20895"/>
                  <a:pt x="2403" y="25351"/>
                  <a:pt x="6161" y="28267"/>
                </a:cubicBezTo>
                <a:cubicBezTo>
                  <a:pt x="10350" y="31594"/>
                  <a:pt x="15751" y="32888"/>
                  <a:pt x="20803" y="33565"/>
                </a:cubicBezTo>
                <a:cubicBezTo>
                  <a:pt x="24877" y="34101"/>
                  <a:pt x="28950" y="34359"/>
                  <a:pt x="33024" y="34359"/>
                </a:cubicBezTo>
                <a:cubicBezTo>
                  <a:pt x="36138" y="34359"/>
                  <a:pt x="39252" y="34208"/>
                  <a:pt x="42366" y="33915"/>
                </a:cubicBezTo>
                <a:cubicBezTo>
                  <a:pt x="48609" y="33216"/>
                  <a:pt x="55530" y="32456"/>
                  <a:pt x="61013" y="29027"/>
                </a:cubicBezTo>
                <a:cubicBezTo>
                  <a:pt x="65366" y="26378"/>
                  <a:pt x="68960" y="21490"/>
                  <a:pt x="68365" y="16028"/>
                </a:cubicBezTo>
                <a:cubicBezTo>
                  <a:pt x="67851" y="10811"/>
                  <a:pt x="63826" y="6602"/>
                  <a:pt x="59473" y="4384"/>
                </a:cubicBezTo>
                <a:cubicBezTo>
                  <a:pt x="53907" y="1652"/>
                  <a:pt x="47500" y="1221"/>
                  <a:pt x="41504" y="626"/>
                </a:cubicBezTo>
                <a:cubicBezTo>
                  <a:pt x="37732" y="257"/>
                  <a:pt x="33873" y="1"/>
                  <a:pt x="30015" y="1"/>
                </a:cubicBezTo>
                <a:close/>
              </a:path>
            </a:pathLst>
          </a:custGeom>
          <a:solidFill>
            <a:srgbClr val="0070C0"/>
          </a:solidFill>
          <a:ln w="19050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200">
              <a:buClr>
                <a:srgbClr val="000000"/>
              </a:buClr>
            </a:pPr>
            <a:endParaRPr sz="1865" kern="0">
              <a:solidFill>
                <a:srgbClr val="000000"/>
              </a:solidFill>
              <a:cs typeface="+mn-ea"/>
              <a:sym typeface="+mn-lt"/>
            </a:endParaRPr>
          </a:p>
        </p:txBody>
      </p:sp>
      <p:pic>
        <p:nvPicPr>
          <p:cNvPr id="3" name="图片 38">
            <a:extLst>
              <a:ext uri="{FF2B5EF4-FFF2-40B4-BE49-F238E27FC236}">
                <a16:creationId xmlns:a16="http://schemas.microsoft.com/office/drawing/2014/main" id="{F0E12F91-6C08-9029-75A2-D8E1AC44489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0" y="4707899"/>
            <a:ext cx="12192000" cy="2162808"/>
          </a:xfrm>
          <a:prstGeom prst="rect">
            <a:avLst/>
          </a:prstGeom>
        </p:spPr>
      </p:pic>
      <p:pic>
        <p:nvPicPr>
          <p:cNvPr id="4" name="图片 16">
            <a:extLst>
              <a:ext uri="{FF2B5EF4-FFF2-40B4-BE49-F238E27FC236}">
                <a16:creationId xmlns:a16="http://schemas.microsoft.com/office/drawing/2014/main" id="{24394805-B380-FB07-5CB1-142ACB000927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5" name="图片 15">
            <a:extLst>
              <a:ext uri="{FF2B5EF4-FFF2-40B4-BE49-F238E27FC236}">
                <a16:creationId xmlns:a16="http://schemas.microsoft.com/office/drawing/2014/main" id="{ACC53C4A-6DB2-60D1-048E-2DBAEBF6CAB9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C3FC0F6F-D8BF-EA3B-3932-E79B1A8BC670}"/>
              </a:ext>
            </a:extLst>
          </p:cNvPr>
          <p:cNvPicPr>
            <a:picLocks noChangeAspect="1"/>
          </p:cNvPicPr>
          <p:nvPr/>
        </p:nvPicPr>
        <p:blipFill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138797" y="414782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14DC873F-9036-61A2-A55B-3B269A708E10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8595316" y="276918"/>
            <a:ext cx="2741295" cy="2768600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A18D91BF-4595-02A2-D2A1-EBC0D284C6D6}"/>
              </a:ext>
            </a:extLst>
          </p:cNvPr>
          <p:cNvGrpSpPr/>
          <p:nvPr/>
        </p:nvGrpSpPr>
        <p:grpSpPr>
          <a:xfrm>
            <a:off x="1473835" y="1680257"/>
            <a:ext cx="3735705" cy="3735705"/>
            <a:chOff x="1828165" y="1850390"/>
            <a:chExt cx="3735705" cy="3735705"/>
          </a:xfrm>
        </p:grpSpPr>
        <p:pic>
          <p:nvPicPr>
            <p:cNvPr id="9" name="文本框 1" descr="51miz-E1260052-056CF824">
              <a:extLst>
                <a:ext uri="{FF2B5EF4-FFF2-40B4-BE49-F238E27FC236}">
                  <a16:creationId xmlns:a16="http://schemas.microsoft.com/office/drawing/2014/main" id="{2C3D6FB0-A60F-A12A-B88A-A952F402531F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 bwMode="auto">
            <a:xfrm>
              <a:off x="1828165" y="1850390"/>
              <a:ext cx="3735705" cy="3735705"/>
            </a:xfrm>
            <a:prstGeom prst="rect">
              <a:avLst/>
            </a:prstGeom>
            <a:noFill/>
            <a:ln>
              <a:noFill/>
            </a:ln>
            <a:effectLst>
              <a:outerShdw dist="63500" sx="1000" sy="1000" algn="ctr" rotWithShape="0">
                <a:srgbClr val="000000"/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3F5147A5-07BC-AC77-ADDB-25496DED8B50}"/>
                </a:ext>
              </a:extLst>
            </p:cNvPr>
            <p:cNvGrpSpPr/>
            <p:nvPr/>
          </p:nvGrpSpPr>
          <p:grpSpPr>
            <a:xfrm>
              <a:off x="3087445" y="2923959"/>
              <a:ext cx="1116060" cy="713638"/>
              <a:chOff x="3087445" y="2923959"/>
              <a:chExt cx="1116060" cy="713638"/>
            </a:xfrm>
          </p:grpSpPr>
          <p:sp>
            <p:nvSpPr>
              <p:cNvPr id="11" name="Rectangle: Rounded Corners 10">
                <a:extLst>
                  <a:ext uri="{FF2B5EF4-FFF2-40B4-BE49-F238E27FC236}">
                    <a16:creationId xmlns:a16="http://schemas.microsoft.com/office/drawing/2014/main" id="{29A0B00E-57BE-C698-005C-8B72BD5AC9EE}"/>
                  </a:ext>
                </a:extLst>
              </p:cNvPr>
              <p:cNvSpPr/>
              <p:nvPr/>
            </p:nvSpPr>
            <p:spPr>
              <a:xfrm>
                <a:off x="3087445" y="2941363"/>
                <a:ext cx="939431" cy="696234"/>
              </a:xfrm>
              <a:prstGeom prst="roundRect">
                <a:avLst/>
              </a:prstGeom>
              <a:solidFill>
                <a:srgbClr val="DEEE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2" name="TextBox 11">
                <a:extLst>
                  <a:ext uri="{FF2B5EF4-FFF2-40B4-BE49-F238E27FC236}">
                    <a16:creationId xmlns:a16="http://schemas.microsoft.com/office/drawing/2014/main" id="{7C15206C-79B1-63EB-682C-9C5B4CBC7621}"/>
                  </a:ext>
                </a:extLst>
              </p:cNvPr>
              <p:cNvSpPr txBox="1"/>
              <p:nvPr/>
            </p:nvSpPr>
            <p:spPr>
              <a:xfrm>
                <a:off x="3135581" y="2923959"/>
                <a:ext cx="1067924" cy="707886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wrap="square" rtlCol="0">
                <a:spAutoFit/>
              </a:bodyPr>
              <a:lstStyle/>
              <a:p>
                <a:r>
                  <a:rPr lang="en-US" sz="4000" b="1" dirty="0">
                    <a:solidFill>
                      <a:srgbClr val="FF0000"/>
                    </a:solidFill>
                  </a:rPr>
                  <a:t>2.1</a:t>
                </a:r>
              </a:p>
            </p:txBody>
          </p:sp>
        </p:grpSp>
      </p:grpSp>
      <p:sp>
        <p:nvSpPr>
          <p:cNvPr id="13" name="文本框 7">
            <a:extLst>
              <a:ext uri="{FF2B5EF4-FFF2-40B4-BE49-F238E27FC236}">
                <a16:creationId xmlns:a16="http://schemas.microsoft.com/office/drawing/2014/main" id="{770AD8CB-C86E-D8FE-BD12-E8257B2A7B38}"/>
              </a:ext>
            </a:extLst>
          </p:cNvPr>
          <p:cNvSpPr txBox="1"/>
          <p:nvPr/>
        </p:nvSpPr>
        <p:spPr>
          <a:xfrm>
            <a:off x="4740273" y="2830170"/>
            <a:ext cx="5705240" cy="13849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fontAlgn="auto"/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Tìm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hiểu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về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Nghệ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thuật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/>
            </a:r>
            <a:b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</a:b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múa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rối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bóng</a:t>
            </a:r>
            <a:endParaRPr lang="zh-CN" altLang="en-US" sz="4200" b="1" dirty="0">
              <a:solidFill>
                <a:srgbClr val="FF0000"/>
              </a:solidFill>
              <a:latin typeface="iCiel Mijas" panose="02000506000000020004" pitchFamily="50" charset="0"/>
              <a:cs typeface="+mn-ea"/>
              <a:sym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85266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34467"/>
    </mc:Choice>
    <mc:Fallback xmlns="">
      <p:transition spd="slow" advTm="134467"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9A797AC0-D3A3-481A-827D-7BAC9527F79F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ISPRING_QUIZ_SHAPE1">
            <a:extLst>
              <a:ext uri="{FF2B5EF4-FFF2-40B4-BE49-F238E27FC236}">
                <a16:creationId xmlns:a16="http://schemas.microsoft.com/office/drawing/2014/main" id="{132F3031-4436-47D8-84CC-62409439EB82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>
            <a:extLst>
              <a:ext uri="{FF2B5EF4-FFF2-40B4-BE49-F238E27FC236}">
                <a16:creationId xmlns:a16="http://schemas.microsoft.com/office/drawing/2014/main" id="{DEDE6B7A-DA0C-421A-ADBC-EC3044B684DC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2" name="ISPRING_QUIZ_SHAPE3">
            <a:extLst>
              <a:ext uri="{FF2B5EF4-FFF2-40B4-BE49-F238E27FC236}">
                <a16:creationId xmlns:a16="http://schemas.microsoft.com/office/drawing/2014/main" id="{EFEBA1D5-1C61-4054-A765-CD47173298A4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>
            <a:extLst>
              <a:ext uri="{FF2B5EF4-FFF2-40B4-BE49-F238E27FC236}">
                <a16:creationId xmlns:a16="http://schemas.microsoft.com/office/drawing/2014/main" id="{DB2627F8-D2B3-4B8A-9E52-E7A510F876EC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99190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5000"/>
    </mc:Choice>
    <mc:Fallback xmlns="">
      <p:transition spd="slow" advTm="500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Google Shape;553;p19">
            <a:extLst>
              <a:ext uri="{FF2B5EF4-FFF2-40B4-BE49-F238E27FC236}">
                <a16:creationId xmlns:a16="http://schemas.microsoft.com/office/drawing/2014/main" id="{B3A05D04-E80D-8F9B-C3FE-74E6E55C28DF}"/>
              </a:ext>
            </a:extLst>
          </p:cNvPr>
          <p:cNvSpPr/>
          <p:nvPr/>
        </p:nvSpPr>
        <p:spPr>
          <a:xfrm>
            <a:off x="3828683" y="1548130"/>
            <a:ext cx="6778357" cy="3735705"/>
          </a:xfrm>
          <a:custGeom>
            <a:avLst/>
            <a:gdLst/>
            <a:ahLst/>
            <a:cxnLst/>
            <a:rect l="l" t="t" r="r" b="b"/>
            <a:pathLst>
              <a:path w="68961" h="34360" extrusionOk="0">
                <a:moveTo>
                  <a:pt x="29793" y="627"/>
                </a:moveTo>
                <a:cubicBezTo>
                  <a:pt x="31042" y="627"/>
                  <a:pt x="32291" y="656"/>
                  <a:pt x="33536" y="708"/>
                </a:cubicBezTo>
                <a:cubicBezTo>
                  <a:pt x="39019" y="872"/>
                  <a:pt x="44666" y="1385"/>
                  <a:pt x="50149" y="2248"/>
                </a:cubicBezTo>
                <a:cubicBezTo>
                  <a:pt x="55612" y="3193"/>
                  <a:pt x="61444" y="4897"/>
                  <a:pt x="65120" y="9600"/>
                </a:cubicBezTo>
                <a:cubicBezTo>
                  <a:pt x="68960" y="14570"/>
                  <a:pt x="68550" y="20977"/>
                  <a:pt x="64340" y="25597"/>
                </a:cubicBezTo>
                <a:cubicBezTo>
                  <a:pt x="60417" y="30054"/>
                  <a:pt x="54421" y="31512"/>
                  <a:pt x="48855" y="32456"/>
                </a:cubicBezTo>
                <a:cubicBezTo>
                  <a:pt x="43610" y="33353"/>
                  <a:pt x="38244" y="33806"/>
                  <a:pt x="32898" y="33806"/>
                </a:cubicBezTo>
                <a:cubicBezTo>
                  <a:pt x="31630" y="33806"/>
                  <a:pt x="30364" y="33781"/>
                  <a:pt x="29100" y="33730"/>
                </a:cubicBezTo>
                <a:cubicBezTo>
                  <a:pt x="23699" y="33483"/>
                  <a:pt x="18134" y="33052"/>
                  <a:pt x="12917" y="31245"/>
                </a:cubicBezTo>
                <a:cubicBezTo>
                  <a:pt x="7619" y="29376"/>
                  <a:pt x="2485" y="25782"/>
                  <a:pt x="1109" y="19786"/>
                </a:cubicBezTo>
                <a:cubicBezTo>
                  <a:pt x="0" y="15432"/>
                  <a:pt x="1027" y="10627"/>
                  <a:pt x="3594" y="7115"/>
                </a:cubicBezTo>
                <a:cubicBezTo>
                  <a:pt x="11507" y="2147"/>
                  <a:pt x="20660" y="627"/>
                  <a:pt x="29793" y="627"/>
                </a:cubicBezTo>
                <a:close/>
                <a:moveTo>
                  <a:pt x="30015" y="1"/>
                </a:moveTo>
                <a:cubicBezTo>
                  <a:pt x="21187" y="1"/>
                  <a:pt x="12367" y="1344"/>
                  <a:pt x="4621" y="5760"/>
                </a:cubicBezTo>
                <a:cubicBezTo>
                  <a:pt x="5134" y="5246"/>
                  <a:pt x="5730" y="4733"/>
                  <a:pt x="6325" y="4219"/>
                </a:cubicBezTo>
                <a:cubicBezTo>
                  <a:pt x="6486" y="4148"/>
                  <a:pt x="6367" y="3937"/>
                  <a:pt x="6226" y="3937"/>
                </a:cubicBezTo>
                <a:cubicBezTo>
                  <a:pt x="6204" y="3937"/>
                  <a:pt x="6182" y="3942"/>
                  <a:pt x="6161" y="3952"/>
                </a:cubicBezTo>
                <a:cubicBezTo>
                  <a:pt x="5216" y="4651"/>
                  <a:pt x="4374" y="5493"/>
                  <a:pt x="3676" y="6355"/>
                </a:cubicBezTo>
                <a:cubicBezTo>
                  <a:pt x="3081" y="6704"/>
                  <a:pt x="2485" y="7115"/>
                  <a:pt x="1890" y="7464"/>
                </a:cubicBezTo>
                <a:cubicBezTo>
                  <a:pt x="1675" y="7679"/>
                  <a:pt x="1805" y="8052"/>
                  <a:pt x="1993" y="8052"/>
                </a:cubicBezTo>
                <a:cubicBezTo>
                  <a:pt x="2038" y="8052"/>
                  <a:pt x="2088" y="8030"/>
                  <a:pt x="2136" y="7977"/>
                </a:cubicBezTo>
                <a:cubicBezTo>
                  <a:pt x="2403" y="7895"/>
                  <a:pt x="2567" y="7731"/>
                  <a:pt x="2731" y="7628"/>
                </a:cubicBezTo>
                <a:lnTo>
                  <a:pt x="2731" y="7628"/>
                </a:lnTo>
                <a:cubicBezTo>
                  <a:pt x="1109" y="10031"/>
                  <a:pt x="267" y="12947"/>
                  <a:pt x="164" y="15945"/>
                </a:cubicBezTo>
                <a:cubicBezTo>
                  <a:pt x="82" y="20895"/>
                  <a:pt x="2403" y="25351"/>
                  <a:pt x="6161" y="28267"/>
                </a:cubicBezTo>
                <a:cubicBezTo>
                  <a:pt x="10350" y="31594"/>
                  <a:pt x="15751" y="32888"/>
                  <a:pt x="20803" y="33565"/>
                </a:cubicBezTo>
                <a:cubicBezTo>
                  <a:pt x="24877" y="34101"/>
                  <a:pt x="28950" y="34359"/>
                  <a:pt x="33024" y="34359"/>
                </a:cubicBezTo>
                <a:cubicBezTo>
                  <a:pt x="36138" y="34359"/>
                  <a:pt x="39252" y="34208"/>
                  <a:pt x="42366" y="33915"/>
                </a:cubicBezTo>
                <a:cubicBezTo>
                  <a:pt x="48609" y="33216"/>
                  <a:pt x="55530" y="32456"/>
                  <a:pt x="61013" y="29027"/>
                </a:cubicBezTo>
                <a:cubicBezTo>
                  <a:pt x="65366" y="26378"/>
                  <a:pt x="68960" y="21490"/>
                  <a:pt x="68365" y="16028"/>
                </a:cubicBezTo>
                <a:cubicBezTo>
                  <a:pt x="67851" y="10811"/>
                  <a:pt x="63826" y="6602"/>
                  <a:pt x="59473" y="4384"/>
                </a:cubicBezTo>
                <a:cubicBezTo>
                  <a:pt x="53907" y="1652"/>
                  <a:pt x="47500" y="1221"/>
                  <a:pt x="41504" y="626"/>
                </a:cubicBezTo>
                <a:cubicBezTo>
                  <a:pt x="37732" y="257"/>
                  <a:pt x="33873" y="1"/>
                  <a:pt x="30015" y="1"/>
                </a:cubicBezTo>
                <a:close/>
              </a:path>
            </a:pathLst>
          </a:custGeom>
          <a:solidFill>
            <a:srgbClr val="0070C0"/>
          </a:solidFill>
          <a:ln w="19050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200">
              <a:buClr>
                <a:srgbClr val="000000"/>
              </a:buClr>
            </a:pPr>
            <a:endParaRPr sz="1865" kern="0">
              <a:solidFill>
                <a:srgbClr val="000000"/>
              </a:solidFill>
              <a:cs typeface="+mn-ea"/>
              <a:sym typeface="+mn-lt"/>
            </a:endParaRPr>
          </a:p>
        </p:txBody>
      </p:sp>
      <p:pic>
        <p:nvPicPr>
          <p:cNvPr id="3" name="图片 38">
            <a:extLst>
              <a:ext uri="{FF2B5EF4-FFF2-40B4-BE49-F238E27FC236}">
                <a16:creationId xmlns:a16="http://schemas.microsoft.com/office/drawing/2014/main" id="{F0E12F91-6C08-9029-75A2-D8E1AC44489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0" y="4707899"/>
            <a:ext cx="12192000" cy="2162808"/>
          </a:xfrm>
          <a:prstGeom prst="rect">
            <a:avLst/>
          </a:prstGeom>
        </p:spPr>
      </p:pic>
      <p:pic>
        <p:nvPicPr>
          <p:cNvPr id="4" name="图片 16">
            <a:extLst>
              <a:ext uri="{FF2B5EF4-FFF2-40B4-BE49-F238E27FC236}">
                <a16:creationId xmlns:a16="http://schemas.microsoft.com/office/drawing/2014/main" id="{24394805-B380-FB07-5CB1-142ACB000927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9987915" y="0"/>
            <a:ext cx="2204085" cy="1661218"/>
          </a:xfrm>
          <a:prstGeom prst="rect">
            <a:avLst/>
          </a:prstGeom>
        </p:spPr>
      </p:pic>
      <p:pic>
        <p:nvPicPr>
          <p:cNvPr id="5" name="图片 15">
            <a:extLst>
              <a:ext uri="{FF2B5EF4-FFF2-40B4-BE49-F238E27FC236}">
                <a16:creationId xmlns:a16="http://schemas.microsoft.com/office/drawing/2014/main" id="{ACC53C4A-6DB2-60D1-048E-2DBAEBF6CAB9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flipH="1">
            <a:off x="0" y="0"/>
            <a:ext cx="1950720" cy="1770695"/>
          </a:xfrm>
          <a:prstGeom prst="rect">
            <a:avLst/>
          </a:prstGeom>
        </p:spPr>
      </p:pic>
      <p:pic>
        <p:nvPicPr>
          <p:cNvPr id="6" name="图片 10" descr="51miz-E1257644-38019C75">
            <a:extLst>
              <a:ext uri="{FF2B5EF4-FFF2-40B4-BE49-F238E27FC236}">
                <a16:creationId xmlns:a16="http://schemas.microsoft.com/office/drawing/2014/main" id="{C3FC0F6F-D8BF-EA3B-3932-E79B1A8BC670}"/>
              </a:ext>
            </a:extLst>
          </p:cNvPr>
          <p:cNvPicPr>
            <a:picLocks noChangeAspect="1"/>
          </p:cNvPicPr>
          <p:nvPr/>
        </p:nvPicPr>
        <p:blipFill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-138797" y="414782"/>
            <a:ext cx="2976245" cy="2232025"/>
          </a:xfrm>
          <a:prstGeom prst="rect">
            <a:avLst/>
          </a:prstGeom>
        </p:spPr>
      </p:pic>
      <p:pic>
        <p:nvPicPr>
          <p:cNvPr id="7" name="图片 11" descr="51miz-E1195666-09E8AAD8">
            <a:extLst>
              <a:ext uri="{FF2B5EF4-FFF2-40B4-BE49-F238E27FC236}">
                <a16:creationId xmlns:a16="http://schemas.microsoft.com/office/drawing/2014/main" id="{14DC873F-9036-61A2-A55B-3B269A708E10}"/>
              </a:ext>
            </a:extLst>
          </p:cNvPr>
          <p:cNvPicPr>
            <a:picLocks noChangeAspect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8595316" y="276918"/>
            <a:ext cx="2741295" cy="2768600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A18D91BF-4595-02A2-D2A1-EBC0D284C6D6}"/>
              </a:ext>
            </a:extLst>
          </p:cNvPr>
          <p:cNvGrpSpPr/>
          <p:nvPr/>
        </p:nvGrpSpPr>
        <p:grpSpPr>
          <a:xfrm>
            <a:off x="1473835" y="1680257"/>
            <a:ext cx="3735705" cy="3735705"/>
            <a:chOff x="1828165" y="1850390"/>
            <a:chExt cx="3735705" cy="3735705"/>
          </a:xfrm>
        </p:grpSpPr>
        <p:pic>
          <p:nvPicPr>
            <p:cNvPr id="9" name="文本框 1" descr="51miz-E1260052-056CF824">
              <a:extLst>
                <a:ext uri="{FF2B5EF4-FFF2-40B4-BE49-F238E27FC236}">
                  <a16:creationId xmlns:a16="http://schemas.microsoft.com/office/drawing/2014/main" id="{2C3D6FB0-A60F-A12A-B88A-A952F402531F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 bwMode="auto">
            <a:xfrm>
              <a:off x="1828165" y="1850390"/>
              <a:ext cx="3735705" cy="3735705"/>
            </a:xfrm>
            <a:prstGeom prst="rect">
              <a:avLst/>
            </a:prstGeom>
            <a:noFill/>
            <a:ln>
              <a:noFill/>
            </a:ln>
            <a:effectLst>
              <a:outerShdw dist="63500" sx="1000" sy="1000" algn="ctr" rotWithShape="0">
                <a:srgbClr val="000000"/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3F5147A5-07BC-AC77-ADDB-25496DED8B50}"/>
                </a:ext>
              </a:extLst>
            </p:cNvPr>
            <p:cNvGrpSpPr/>
            <p:nvPr/>
          </p:nvGrpSpPr>
          <p:grpSpPr>
            <a:xfrm>
              <a:off x="3087445" y="2923959"/>
              <a:ext cx="1116060" cy="713638"/>
              <a:chOff x="3087445" y="2923959"/>
              <a:chExt cx="1116060" cy="713638"/>
            </a:xfrm>
          </p:grpSpPr>
          <p:sp>
            <p:nvSpPr>
              <p:cNvPr id="11" name="Rectangle: Rounded Corners 10">
                <a:extLst>
                  <a:ext uri="{FF2B5EF4-FFF2-40B4-BE49-F238E27FC236}">
                    <a16:creationId xmlns:a16="http://schemas.microsoft.com/office/drawing/2014/main" id="{29A0B00E-57BE-C698-005C-8B72BD5AC9EE}"/>
                  </a:ext>
                </a:extLst>
              </p:cNvPr>
              <p:cNvSpPr/>
              <p:nvPr/>
            </p:nvSpPr>
            <p:spPr>
              <a:xfrm>
                <a:off x="3087445" y="2941363"/>
                <a:ext cx="939431" cy="696234"/>
              </a:xfrm>
              <a:prstGeom prst="roundRect">
                <a:avLst/>
              </a:prstGeom>
              <a:solidFill>
                <a:srgbClr val="DEEEFF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2" name="TextBox 11">
                <a:extLst>
                  <a:ext uri="{FF2B5EF4-FFF2-40B4-BE49-F238E27FC236}">
                    <a16:creationId xmlns:a16="http://schemas.microsoft.com/office/drawing/2014/main" id="{7C15206C-79B1-63EB-682C-9C5B4CBC7621}"/>
                  </a:ext>
                </a:extLst>
              </p:cNvPr>
              <p:cNvSpPr txBox="1"/>
              <p:nvPr/>
            </p:nvSpPr>
            <p:spPr>
              <a:xfrm>
                <a:off x="3135581" y="2923959"/>
                <a:ext cx="1067924" cy="707886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wrap="square" rtlCol="0">
                <a:spAutoFit/>
              </a:bodyPr>
              <a:lstStyle/>
              <a:p>
                <a:r>
                  <a:rPr lang="en-US" sz="4000" b="1" dirty="0">
                    <a:solidFill>
                      <a:srgbClr val="FF0000"/>
                    </a:solidFill>
                  </a:rPr>
                  <a:t>2.1</a:t>
                </a:r>
              </a:p>
            </p:txBody>
          </p:sp>
        </p:grpSp>
      </p:grpSp>
      <p:sp>
        <p:nvSpPr>
          <p:cNvPr id="13" name="文本框 7">
            <a:extLst>
              <a:ext uri="{FF2B5EF4-FFF2-40B4-BE49-F238E27FC236}">
                <a16:creationId xmlns:a16="http://schemas.microsoft.com/office/drawing/2014/main" id="{770AD8CB-C86E-D8FE-BD12-E8257B2A7B38}"/>
              </a:ext>
            </a:extLst>
          </p:cNvPr>
          <p:cNvSpPr txBox="1"/>
          <p:nvPr/>
        </p:nvSpPr>
        <p:spPr>
          <a:xfrm>
            <a:off x="4740273" y="2830170"/>
            <a:ext cx="5705240" cy="13849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fontAlgn="auto"/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Tìm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hiểu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về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Nghệ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thuật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/>
            </a:r>
            <a:b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</a:b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múa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rối</a:t>
            </a:r>
            <a:r>
              <a:rPr lang="en-US" altLang="zh-CN" sz="4200" b="1" dirty="0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 </a:t>
            </a:r>
            <a:r>
              <a:rPr lang="en-US" altLang="zh-CN" sz="4200" b="1" dirty="0" err="1">
                <a:solidFill>
                  <a:srgbClr val="FF0000"/>
                </a:solidFill>
                <a:latin typeface="iCiel Mijas" panose="02000506000000020004" pitchFamily="50" charset="0"/>
                <a:cs typeface="+mn-ea"/>
                <a:sym typeface="+mn-lt"/>
              </a:rPr>
              <a:t>bóng</a:t>
            </a:r>
            <a:endParaRPr lang="zh-CN" altLang="en-US" sz="4200" b="1" dirty="0">
              <a:solidFill>
                <a:srgbClr val="FF0000"/>
              </a:solidFill>
              <a:latin typeface="iCiel Mijas" panose="02000506000000020004" pitchFamily="50" charset="0"/>
              <a:cs typeface="+mn-ea"/>
              <a:sym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456630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29200"/>
    </mc:Choice>
    <mc:Fallback xmlns="">
      <p:transition spd="slow" advTm="29200"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CF4945C9-93EC-44E8-830C-CBF58A4D4977}"/>
  <p:tag name="ISPRING_RESOURCE_FOLDER" val="E:\Giang\Tìm hiểu NT múa rối bóng\Tìm hiểu NT múa rối bóng\"/>
  <p:tag name="ISPRING_PRESENTATION_PATH" val="E:\Giang\Tìm hiểu NT múa rối bóng\Tìm hiểu NT múa rối bóng.pptx"/>
  <p:tag name="ISPRING_PROJECT_VERSION" val="9.3"/>
  <p:tag name="ISPRING_PROJECT_FOLDER_UPDATED" val="1"/>
  <p:tag name="ISPRING_SCREEN_RECS_UPDATED" val="E:\Giang\Tìm hiểu NT múa rối bóng\Tìm hiểu NT múa rối bóng\"/>
  <p:tag name="ISPRING-SUITE_ISPRING_CURRENT_PLAYER_ID" val="universal"/>
  <p:tag name="ISPRING_PRESENTATION_COURSE_TITLE" val="Tìm hiểu NT múa rối bóng"/>
  <p:tag name="ISPRING_PRESENTATION_TITLE" val="Tìm hiểu NT múa rối bóng"/>
  <p:tag name="ISPRING_FIRST_PUBLISH" val="1"/>
  <p:tag name="ISPRING_DEFAULT_PRESENTE_ID" val="{4B1D8E90-074E-416E-BB23-7A9CD6F79E14}"/>
  <p:tag name="ISPRING_PRESENTER_PHOTO_0" val="jpg|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"/>
  <p:tag name="ISPRING_PRESENTER_PHOTO_1" val="jpg|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"/>
  <p:tag name="ISPRING_PRESENTERDATA_0" val="VHLhuqduIEjGsMahbmcgR2lhbmc=|VHLGsOG7nW5nIE3huqdtIG5vbiBLaW0gQ2h1bmcgQQ==|dHJhbmh1b25nZ2lhbmcxMTc3QGdtYWlsLmNvbQ==||ezRCMUQ4RTkwLTA3NEUtNDE2RS1CQjIzLTdBOUNENkY3OUUxNH0=||SVNQUklOR19QUkVTRU5URVJfUEhPVE9fMA==|MQ==||SVNQUklOR19QUkVTRU5URVJfUEhPVE9fMQ==|MDg2ODY1NTMxNg=="/>
  <p:tag name="FLASHSPRING_PRESENTATION_REFERENCES" val=""/>
  <p:tag name="ISPRING_WEBLINKS_TARGET" val="_blank"/>
  <p:tag name="ISPRING_WEBLINKS_TARGETMJT" val="_self"/>
  <p:tag name="ISPRING-SUITE_ISPRING_PLAYERS_CUSTOMIZATION_2" val="{&quot;universal&quot;:{&quot;skinSettings&quot;:{&quot;borderRadius&quot;:16,&quot;colors&quot;:{&quot;asideBackground&quot;:{&quot;color&quot;:&quot;#023036&quot;,&quot;opacity&quot;:1,&quot;type&quot;:&quot;SOLID&quot;},&quot;asideElementBackgroundActive&quot;:{&quot;color&quot;:&quot;#126C68&quot;,&quot;opacity&quot;:1,&quot;type&quot;:&quot;SOLID&quot;},&quot;asideElementBackgroundHover&quot;:{&quot;color&quot;:&quot;#074D49&quot;,&quot;opacity&quot;:1,&quot;type&quot;:&quot;SOLID&quot;},&quot;asideElementText&quot;:{&quot;color&quot;:&quot;#C9D6D8&quot;,&quot;opacity&quot;:1,&quot;type&quot;:&quot;SOLID&quot;},&quot;asideElementTextActive&quot;:{&quot;color&quot;:&quot;#C0F5E6&quot;,&quot;opacity&quot;:1,&quot;type&quot;:&quot;SOLID&quot;},&quot;asideElementTextHover&quot;:{&quot;color&quot;:&quot;#C0F5E6&quot;,&quot;opacity&quot;:1,&quot;type&quot;:&quot;SOLID&quot;},&quot;asideLogoBackground&quot;:{&quot;color&quot;:&quot;#023036&quot;,&quot;opacity&quot;:1,&quot;type&quot;:&quot;SOLID&quot;},&quot;pageBackground&quot;:{&quot;color&quot;:&quot;#EDDFDA&quot;,&quot;opacity&quot;:1,&quot;type&quot;:&quot;SOLID&quot;},&quot;playerBackground&quot;:{&quot;color&quot;:&quot;#FFFFFF&quot;,&quot;opacity&quot;:1,&quot;type&quot;:&quot;SOLID&quot;},&quot;playerText&quot;:{&quot;color&quot;:&quot;#3B3B3B&quot;,&quot;opacity&quot;:1,&quot;type&quot;:&quot;SOLID&quot;},&quot;primaryButtonBackground&quot;:{&quot;degree&quot;:90,&quot;gradient&quot;:[{&quot;color&quot;:&quot;#0F444B&quot;,&quot;opacity&quot;:1},{&quot;color&quot;:&quot;#3D9978&quot;,&quot;opacity&quot;:1}],&quot;type&quot;:&quot;GRADIENT&quot;},&quot;primaryButtonBackgroundHover&quot;:{&quot;degree&quot;:90,&quot;gradient&quot;:[{&quot;color&quot;:&quot;#0F444B&quot;,&quot;opacity&quot;:1},{&quot;color&quot;:&quot;#42C092&quot;,&quot;opacity&quot;:1}],&quot;type&quot;:&quot;GRADIENT&quot;},&quot;primaryButtonBorder&quot;:{&quot;degree&quot;:90,&quot;gradient&quot;:[{&quot;color&quot;:&quot;#374B5B&quot;,&quot;opacity&quot;:1},{&quot;color&quot;:&quot;#3D9978&quot;,&quot;opacity&quot;:1}],&quot;type&quot;:&quot;GRADIENT&quot;},&quot;primaryButtonBorderHover&quot;:{&quot;degree&quot;:90,&quot;gradient&quot;:[{&quot;color&quot;:&quot;#0F444B&quot;,&quot;opacity&quot;:1},{&quot;color&quot;:&quot;#42C092&quot;,&quot;opacity&quot;:1}],&quot;type&quot;:&quot;GRADIENT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3E8E4&quot;,&quot;opacity&quot;:1,&quot;type&quot;:&quot;SOLID&quot;},&quot;secondaryButtonBackgroundHover&quot;:{&quot;color&quot;:&quot;#E2CBC2&quot;,&quot;opacity&quot;:1,&quot;type&quot;:&quot;SOLID&quot;},&quot;secondaryButtonBorder&quot;:{&quot;color&quot;:&quot;#F3E8E4&quot;,&quot;opacity&quot;:1,&quot;type&quot;:&quot;SOLID&quot;},&quot;secondaryButtonBorderHover&quot;:{&quot;color&quot;:&quot;#E2CBC2&quot;,&quot;opacity&quot;:1,&quot;type&quot;:&quot;SOLID&quot;},&quot;secondaryButtonText&quot;:{&quot;color&quot;:&quot;#1D656F&quot;,&quot;opacity&quot;:1,&quot;type&quot;:&quot;SOLID&quot;},&quot;secondaryButtonTextHover&quot;:{&quot;color&quot;:&quot;#124B53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false},&quot;sidePanel&quot;:{&quot;showAtLeft&quot;:false,&quot;showLogo&quot;:false,&quot;showNotes&quot;:false,&quot;showOutline&quot;:true,&quot;showPresenterInfo&quot;:false,&quot;showPresenterVideo&quot;:true,&quot;visible&quot;:true},&quot;titlePanel&quot;:{&quot;buttons&quot;:[&quot;attachments&quot;,&quot;presenterInfo&quot;],&quot;buttonsAtLeft&quot;:tru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TIẾP THEO&quot;,&quot;PB_CONTROL_PANEL_OUTLINE&quot;:&quot;Outline&quot;,&quot;PB_CONTROL_PANEL_PREV&quot;:&quot;QUAY LẠI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Huỷ bỏ&quot;,&quot;PB_SEARCH_NO_RESULTS_LABEL&quot;:&quot;Không tìm thấy kết quả&quot;,&quot;PB_SEARCH_PANEL_DEFAULT_TEXT&quot;:&quot;Tìm kiếm&quot;,&quot;PB_SEARCH_RESULTS_LABEL&quot;:&quot;Kết quả tìm kiếm&quot;,&quot;PB_SEARCH_RESULT_IN_NOTES&quot;:&quot;in notes&quot;,&quot;PB_SEARCH_RESULT_IN_TEXT_LABEL&quot;:&quot;in slide&quot;,&quot;PB_SUBTITLES_MENU_CAPTION&quot;:&quot;Subtitles&quot;,&quot;PB_SUBTITLES_OFF&quot;:&quot;Off&quot;,&quot;PB_TAB_NOTES_LABEL&quot;:&quot;GHI CHÚ&quot;,&quot;PB_TAB_OUTLINE_LABEL&quot;:&quot;MỤC LỤC&quot;,&quot;PB_TIME_RESTRICTION&quot;:&quot;Sorry, the content author has prohibited viewing the presentation at this time.&quot;,&quot;PB_TITLE_PANEL_ATTACHMENTS&quot;:&quot;Đính kèm&quot;,&quot;PB_TITLE_PANEL_MARKER_TOOLS&quot;:&quot;Công cụ đánh dấu&quot;,&quot;PB_TITLE_PANEL_NOTES&quot;:&quot;Ghi chú&quot;,&quot;PB_TITLE_PANEL_OUTLINE&quot;:&quot;Mục lục&quot;,&quot;PB_TITLE_PANEL_PRESENTER_INFO&quot;:&quot;Thông tin người trình bày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EDDFDA&quot;,&quot;playerDimensions&quot;:{&quot;height&quot;:144,&quot;width&quot;:296},&quot;playerModule&quot;:&quot;UniversalHtml&quot;,&quot;presentationContent&quot;:{&quot;metadata&quot;:{&quot;references&quot;:true,&quot;texts&quot;:[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Email&quot;,&quot;Website&quot;,&quot;Show more&quot;,&quot;Show less&quot;,&quot;Thông tin người trình bày&quot;,&quot;MỤC LỤC&quot;,&quot;Tìm kiếm&quot;,&quot;in slide&quot;,&quot;Kết quả tìm kiếm&quot;,&quot;Không tìm thấy kết quả&quot;,&quot;in notes&quot;,&quot;Huỷ bỏ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,&quot;videoNarrations&quot;:{&quot;height&quot;:1024,&quot;width&quot;:1366}}}},&quot;ceipData&quot;:{&quot;enableMiniSkinCustomization&quot;:true,&quot;playerLayout&quot;:&quot;builtin.trainingWithPresenterVideo&quot;,&quot;playerLayoutFooter&quot;:&quot;playAndPause,acceleration,notes,replay,fullscreen,volumeControl,slideNumber,goToPrev,goToNext&quot;,&quot;playerLayoutHeader&quot;:&quot;resources,presenterInfo,&quot;,&quot;playerLayoutHeaderButtonsPosition&quot;:&quot;left&quot;,&quot;playerLayoutOutline&quot;:&quot;enableSearch,showSlideNumber,enableMultilevel&quot;,&quot;playerLayoutProgress&quot;:&quot;enabledNavigation,showLabels&quot;,&quot;playerLayoutProgressMode&quot;:&quot;presentationTimeline&quot;,&quot;playerLayoutSidebar&quot;:&quot;presenterVideo,outline&quot;,&quot;playerLayoutSidebarPosition&quot;:&quot;right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6,&quot;playerThemeColorScheme&quot;:&quot;builtin.greenGradient&quot;,&quot;playerThemeFont&quot;:&quot;Arial&quot;}}}"/>
  <p:tag name="ISPRING_LMS_API_VERSION" val="SCORM 2004 (4th edition)"/>
  <p:tag name="ISPRING_ULTRA_SCORM_COURSE_ID" val="E3234DCB-F77A-4619-B34B-DE1CD0A07F2F"/>
  <p:tag name="ISPRING_CMI5_LAUNCH_METHOD" val="any window"/>
  <p:tag name="ISPRINGCLOUDFOLDERID" val="1"/>
  <p:tag name="ISPRINGONLINEFOLDERID" val="1"/>
  <p:tag name="ISPRING_OUTPUT_FOLDER" val="[[&quot;\uFFFDi\uFFFD`{44A46217-FB03-446C-8FC6-5FF243EFEF47}&quot;,&quot;E:\\Giang\\Tìm hiểu NT múa rối bó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80.000000"/>
  <p:tag name="FLASHSPRING_ZOOM_TAG" val="73"/>
  <p:tag name="ISPRING_PRESENTATION_INFO_2" val="&lt;?xml version=&quot;1.0&quot; encoding=&quot;UTF-8&quot; standalone=&quot;no&quot; ?&gt;&#10;&lt;presentation2&gt;&#10;&#10;  &lt;slides&gt;&#10;    &lt;slide id=&quot;{19124276-A34B-4F93-BCD8-1418152C816D}&quot; pptId=&quot;693&quot;/&gt;&#10;    &lt;slide id=&quot;{6BAAC3DC-5D03-48A5-B7AB-8A6330B0EA58}&quot; pptId=&quot;324&quot;/&gt;&#10;    &lt;slide id=&quot;{60A6EA25-3ACD-41F9-A19A-807114905FFD}&quot; pptId=&quot;1799&quot;/&gt;&#10;    &lt;slide id=&quot;{A5F0A9EE-A5C8-4ABA-A40C-4CB70F242E69}&quot; pptId=&quot;1798&quot;/&gt;&#10;    &lt;slide id=&quot;{53A5E60A-AC4F-46E0-9342-4C35284A1AB1}&quot; pptId=&quot;272&quot;/&gt;&#10;    &lt;slide id=&quot;{DA11C1C9-48FB-462B-8B82-C5F8081825F2}&quot; pptId=&quot;1808&quot;/&gt;&#10;    &lt;slide id=&quot;{4F14C71B-3194-4FC1-B2CA-9A5F40333185}&quot; pptId=&quot;1806&quot;/&gt;&#10;    &lt;slide id=&quot;{31D94807-6DD2-4C78-A185-DCF40D5D76B1}&quot; pptId=&quot;1814&quot;/&gt;&#10;    &lt;slide id=&quot;{59D64B0F-021D-44EC-8A5B-6C9399240484}&quot; pptId=&quot;1809&quot;/&gt;&#10;    &lt;slide id=&quot;{39601F8A-DE55-4C47-A053-13B2661CFCC7}&quot; pptId=&quot;1811&quot;/&gt;&#10;    &lt;slide id=&quot;{219C6AC8-0F13-4622-A968-0B7E749A41F2}&quot; pptId=&quot;1810&quot;/&gt;&#10;    &lt;slide id=&quot;{B78E09E8-E3EF-46DA-8B9A-99EE64905DCD}&quot; pptId=&quot;1815&quot;/&gt;&#10;    &lt;slide id=&quot;{75CBD24D-1B96-4A4C-9CCE-252DBF32B70B}&quot; pptId=&quot;1813&quot;/&gt;&#10;    &lt;slide id=&quot;{DBFFFBCE-C80F-4109-B38F-B2A6318697C9}&quot; pptId=&quot;1812&quot;/&gt;&#10;    &lt;slide id=&quot;{8F150434-0A4B-494D-8081-0FA5005808C7}&quot; pptId=&quot;1816&quot;/&gt;&#10;    &lt;slide id=&quot;{48D79630-0136-44FB-AD61-9FBCBFFB1D86}&quot; pptId=&quot;262&quot;/&gt;&#10;    &lt;slide id=&quot;{A956DD30-9C84-44D4-95B6-3F610522D0EB}&quot; pptId=&quot;1818&quot;/&gt;&#10;    &lt;slide id=&quot;{30A42D8C-DD2B-4A1D-824D-C31356249CB5}&quot; pptId=&quot;256&quot;/&gt;&#10;    &lt;slide id=&quot;{7572CA71-9583-45C8-8B92-A32A91F72E19}&quot; pptId=&quot;257&quot;/&gt;&#10;    &lt;slide id=&quot;{C213D51C-29D6-4E44-8FB8-31FCCC630327}&quot; pptId=&quot;258&quot;/&gt;&#10;    &lt;slide id=&quot;{3E7E0843-8D3B-4D44-A2E2-C6DFE49BB26C}&quot; pptId=&quot;1821&quot;/&gt;&#10;    &lt;slide id=&quot;{502C417A-9AA1-46D5-8D98-3CE441B1BAA4}&quot; pptId=&quot;259&quot;/&gt;&#10;    &lt;slide id=&quot;{4ED44CB1-F0E1-4158-83FF-0EB0AF5ABBF5}&quot; pptId=&quot;1822&quot;/&gt;&#10;    &lt;slide id=&quot;{B9607EC0-9271-4036-BE5B-7C664A286F92}&quot; pptId=&quot;260&quot;/&gt;&#10;    &lt;slide id=&quot;{D89D2DB4-E504-4F57-A5A0-71AC4BF3DFFD}&quot; pptId=&quot;1823&quot;/&gt;&#10;    &lt;slide id=&quot;{402BAD1E-82AE-4801-A46B-61FF640BC848}&quot; pptId=&quot;261&quot;/&gt;&#10;    &lt;slide id=&quot;{7982B1ED-173E-4706-B033-C8FC9E1B439A}&quot; pptId=&quot;1824&quot;/&gt;&#10;    &lt;slide id=&quot;{BD67E80E-2617-40FC-AD8A-A47362248195}&quot; pptId=&quot;1819&quot;/&gt;&#10;    &lt;slide id=&quot;{A7E16A7B-46E6-462B-97DD-E2D2B6885F35}&quot; pptId=&quot;1825&quot;/&gt;&#10;    &lt;slide id=&quot;{5FBB9D00-9613-401E-BD24-09ED5EC18EB9}&quot; pptId=&quot;1820&quot;/&gt;&#10;    &lt;slide id=&quot;{72A4189E-9B8B-4FF7-8C89-5471FF4CBBD0}&quot; pptId=&quot;1826&quot;/&gt;&#10;    &lt;slide id=&quot;{1D6D033E-0AE3-432E-9E71-75CAB14949E3}&quot; pptId=&quot;347&quot;/&gt;&#10;    &lt;slide id=&quot;{7FF05D09-280A-44BE-AE67-702FDD790DB6}&quot; pptId=&quot;1837&quot;/&gt;&#10;    &lt;slide id=&quot;{821EC99E-E6C7-4288-B62F-6F53D063CA66}&quot; pptId=&quot;1838&quot;/&gt;&#10;    &lt;slide id=&quot;{2FEB7CE5-3481-4FA2-8F53-636CE0965538}&quot; pptId=&quot;1840&quot;/&gt;&#10;    &lt;slide id=&quot;{4DF2EA54-E2B1-424D-A14C-556A12BE6117}&quot; pptId=&quot;334&quot;/&gt;&#10;    &lt;slide id=&quot;{9BE79E56-6C35-4B0F-8371-1A312157DF72}&quot; pptId=&quot;1842&quot;/&gt;&#10;    &lt;slide id=&quot;{3D337EFA-C998-44B9-9585-4E718EF155BC}&quot; pptId=&quot;263&quot;/&gt;&#10;  &lt;/slides&gt;&#10;&#10;  &lt;narration&gt;&#10;    &lt;audioTracks&gt;&#10;      &lt;audioTrack muted=&quot;false&quot; name=&quot;V.A – Lớp Học Cầu Vồng (mp3cut.net)&quot; resource=&quot;adda657c&quot; slideId=&quot;{19124276-A34B-4F93-BCD8-1418152C816D}&quot; startTime=&quot;0&quot; stepIndex=&quot;0&quot; volume=&quot;1&quot;&gt;&#10;        &lt;audio channels=&quot;2&quot; format=&quot;fltp&quot; sampleRate=&quot;44100&quot;/&gt;&#10;      &lt;/audioTrack&gt;&#10;      &lt;audioTrack muted=&quot;false&quot; name=&quot;mục tiêu bài học&quot; resource=&quot;694b8c8e&quot; slideId=&quot;{A5F0A9EE-A5C8-4ABA-A40C-4CB70F242E69}&quot; startTime=&quot;0&quot; stepIndex=&quot;0&quot; volume=&quot;1&quot;&gt;&#10;        &lt;audio channels=&quot;1&quot; format=&quot;fltp&quot; sampleRate=&quot;48000&quot;/&gt;&#10;      &lt;/audioTrack&gt;&#10;      &lt;audioTrack muted=&quot;false&quot; name=&quot;Ngõ 1 Kim Chung 18 (mp3cut.net)&quot; resource=&quot;bc9793a8&quot; slideId=&quot;{30A42D8C-DD2B-4A1D-824D-C31356249CB5}&quot; startTime=&quot;0&quot; stepIndex=&quot;0&quot; volume=&quot;1&quot;&gt;&#10;        &lt;audio channels=&quot;1&quot; format=&quot;fltp&quot; sampleRate=&quot;48000&quot;/&gt;&#10;      &lt;/audioTrack&gt;&#10;      &lt;audioTrack muted=&quot;false&quot; name=&quot;Ngõ 1 Kim Chung 30 (mp3cut.net)&quot; resource=&quot;c2e1c4a3&quot; slideId=&quot;{4DF2EA54-E2B1-424D-A14C-556A12BE6117}&quot; startTime=&quot;1838&quot; stepIndex=&quot;0&quot; volume=&quot;1&quot;&gt;&#10;        &lt;audio channels=&quot;1&quot; format=&quot;fltp&quot; sampleRate=&quot;48000&quot;/&gt;&#10;      &lt;/audioTrack&gt;&#10;      &lt;audioTrack muted=&quot;false&quot; name=&quot;Ngõ 1 Kim Chung 26 (mp3cut.net)&quot; resource=&quot;c7289537&quot; slideId=&quot;{1D6D033E-0AE3-432E-9E71-75CAB14949E3}&quot; startTime=&quot;0&quot; stepIndex=&quot;0&quot; volume=&quot;1&quot;&gt;&#10;        &lt;audio channels=&quot;1&quot; format=&quot;fltp&quot; sampleRate=&quot;48000&quot;/&gt;&#10;      &lt;/audioTrack&gt;&#10;      &lt;audioTrack muted=&quot;false&quot; name=&quot;Ngõ 1 Kim Chung 26 (mp3cut.net) (2)&quot; resource=&quot;50741395&quot; slideId=&quot;{7FF05D09-280A-44BE-AE67-702FDD790DB6}&quot; startTime=&quot;0&quot; stepIndex=&quot;0&quot; volume=&quot;1&quot;&gt;&#10;        &lt;audio channels=&quot;1&quot; format=&quot;fltp&quot; sampleRate=&quot;48000&quot;/&gt;&#10;      &lt;/audioTrack&gt;&#10;    &lt;/audioTracks&gt;&#10;    &lt;videoTracks&gt;&#10;      &lt;videoTrack muted=&quot;false&quot; name=&quot;Video HDSD ‐ Made with Clipchamp&quot; resource=&quot;44541a58&quot; slideId=&quot;{6BAAC3DC-5D03-48A5-B7AB-8A6330B0EA58}&quot; startTime=&quot;0&quot; stepIndex=&quot;0&quot; volume=&quot;1&quot;&gt;&#10;        &lt;video format=&quot;yuv420p&quot; frameRate=&quot;30&quot; height=&quot;480&quot; pixelAspectRatio=&quot;1&quot; width=&quot;852&quot;/&gt;&#10;        &lt;audio channels=&quot;2&quot; format=&quot;fltp&quot; sampleRate=&quot;44100&quot;/&gt;&#10;      &lt;/videoTrack&gt;&#10;      &lt;videoTrack muted=&quot;false&quot; name=&quot;choi trò chơi&quot; resource=&quot;564b6402&quot; slideId=&quot;{60A6EA25-3ACD-41F9-A19A-807114905FFD}&quot; startTime=&quot;0&quot; stepIndex=&quot;0&quot; volume=&quot;1&quot;&gt;&#10;        &lt;video format=&quot;yuvj420p&quot; frameRate=&quot;26&quot; height=&quot;720&quot; pixelAspectRatio=&quot;1&quot; width=&quot;1278&quot;/&gt;&#10;        &lt;audio channels=&quot;2&quot; format=&quot;fltp&quot; sampleRate=&quot;44100&quot;/&gt;&#10;      &lt;/videoTrack&gt;&#10;      &lt;videoTrack muted=&quot;false&quot; name=&quot;trò chơi múa rối bóng tay&quot; resource=&quot;dbf5ae4e&quot; slideId=&quot;{2FEB7CE5-3481-4FA2-8F53-636CE0965538}&quot; startTime=&quot;0&quot; stepIndex=&quot;0&quot; volume=&quot;1&quot;&gt;&#10;        &lt;video format=&quot;yuv420p&quot; frameRate=&quot;25&quot; height=&quot;1080&quot; pixelAspectRatio=&quot;1&quot; width=&quot;1920&quot;/&gt;&#10;        &lt;audio channels=&quot;2&quot; format=&quot;fltp&quot; sampleRate=&quot;44100&quot;/&gt;&#10;      &lt;/videoTrack&gt;&#10;      &lt;videoTrack muted=&quot;false&quot; name=&quot;Kết&quot; resource=&quot;161ae1d8&quot; slideId=&quot;{9BE79E56-6C35-4B0F-8371-1A312157DF72}&quot; startTime=&quot;0&quot; stepIndex=&quot;0&quot; volume=&quot;1&quot;&gt;&#10;        &lt;video format=&quot;yuvj420p&quot; frameRate=&quot;30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Mở&quot; resource=&quot;a4f23754&quot; slideId=&quot;{53A5E60A-AC4F-46E0-9342-4C35284A1AB1}&quot; startTime=&quot;0&quot; stepIndex=&quot;0&quot; volume=&quot;1&quot;&gt;&#10;        &lt;video format=&quot;yuvj420p&quot; frameRate=&quot;30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1&quot; resource=&quot;a0b21317&quot; slideId=&quot;{59D64B0F-021D-44EC-8A5B-6C9399240484}&quot; startTime=&quot;0&quot; stepIndex=&quot;0&quot; volume=&quot;1&quot;&gt;&#10;        &lt;video format=&quot;yuvj420p&quot; frameRate=&quot;30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2&quot; resource=&quot;4c2a28d6&quot; slideId=&quot;{B78E09E8-E3EF-46DA-8B9A-99EE64905DCD}&quot; startTime=&quot;0&quot; stepIndex=&quot;0&quot; volume=&quot;1&quot;&gt;&#10;        &lt;video format=&quot;yuvj420p&quot; frameRate=&quot;30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ách tạo sân khấu múa rối bóng&quot; resource=&quot;14a5959a&quot; slideId=&quot;{DBFFFBCE-C80F-4109-B38F-B2A6318697C9}&quot; startTime=&quot;0&quot; stepIndex=&quot;0&quot; volume=&quot;1&quot;&gt;&#10;        &lt;video format=&quot;yuvj420p&quot; frameRate=&quot;30&quot; height=&quot;720&quot; pixelAspectRatio=&quot;1&quot; width=&quot;960&quot;/&gt;&#10;        &lt;audio channels=&quot;2&quot; format=&quot;fltp&quot; sampleRate=&quot;44100&quot;/&gt;&#10;      &lt;/videoTrack&gt;&#10;      &lt;videoTrack muted=&quot;false&quot; name=&quot;mở rộng&quot; resource=&quot;70935636&quot; slideId=&quot;{48D79630-0136-44FB-AD61-9FBCBFFB1D86}&quot; startTime=&quot;0&quot; stepIndex=&quot;0&quot; volume=&quot;1&quot;&gt;&#10;        &lt;video format=&quot;yuvj420p&quot; frameRate=&quot;30&quot; height=&quot;720&quot; pixelAspectRatio=&quot;1&quot; width=&quot;1278&quot;/&gt;&#10;        &lt;audio channels=&quot;2&quot; format=&quot;fltp&quot; sampleRate=&quot;44100&quot;/&gt;&#10;      &lt;/videoTrack&gt;&#10;      &lt;videoTrack muted=&quot;false&quot; name=&quot;bài mới&quot; resource=&quot;16feeb10&quot; slideId=&quot;{39601F8A-DE55-4C47-A053-13B2661CFCC7}&quot; startTime=&quot;0&quot; stepIndex=&quot;0&quot; volume=&quot;1&quot;&gt;&#10;        &lt;video format=&quot;yuvj420p&quot; frameRate=&quot;30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274BED-5114-46E6-B7B5-AA2DAFE63333}:1815"/>
  <p:tag name="ISPRING_CUSTOM_TIMING_USED" val="1"/>
  <p:tag name="GENSWF_ADVANCE_TIME" val="29.200"/>
  <p:tag name="ISPRING_PLAYER_LAYOUT_TYPE" val="Video"/>
  <p:tag name="ISPRING_SLIDE_INDENT_LEVEL" val="2"/>
  <p:tag name="GENSWF_SLIDE_TITLE" val="Cô chốt."/>
  <p:tag name="ISPRING_PLAYER_PLAYLIST_ID" val="537676d6a5cd56cc998f2bb0895cabd0af48e4b4"/>
  <p:tag name="ISPRING_SLIDE_ID_2" val="{B78E09E8-E3EF-46DA-8B9A-99EE64905DCD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9F1703-6034-4A73-8EBD-0F34C8CB23F1}:1812"/>
  <p:tag name="ISPRING_CUSTOM_TIMING_USED" val="1"/>
  <p:tag name="ISPRING_PLAYER_LAYOUT_TYPE" val="Video"/>
  <p:tag name="GENSWF_ADVANCE_TIME" val="44.767"/>
  <p:tag name="ISPRING_SLIDE_INDENT_LEVEL" val="1"/>
  <p:tag name="GENSWF_SLIDE_TITLE" val="Hoạt động 2: Cách tạo sân khấu và sử dụng rối bóng."/>
  <p:tag name="ISPRING_SLIDE_ID_2" val="{DBFFFBCE-C80F-4109-B38F-B2A6318697C9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1158DB-F25D-4E32-91DB-A3FCB7C8938A}:262"/>
  <p:tag name="ISPRING_CUSTOM_TIMING_USED" val="1"/>
  <p:tag name="ISPRING_PLAYER_LAYOUT_TYPE" val="Video"/>
  <p:tag name="GENSWF_ADVANCE_TIME" val="36.767"/>
  <p:tag name="ISPRING_SLIDE_INDENT_LEVEL" val="1"/>
  <p:tag name="ISPRING_PLAYER_PLAYLIST_ID" val="537676d6a5cd56cc998f2bb0895cabd0af48e4b4"/>
  <p:tag name="GENSWF_SLIDE_TITLE" val="Mở rộng."/>
  <p:tag name="ISPRING_SLIDE_ID_2" val="{48D79630-0136-44FB-AD61-9FBCBFFB1D86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PRESENTER_ID" val="{C67F1145-26EE-45ED-97D3-35A7EAA09FAE}"/>
  <p:tag name="GENSWF_SLIDE_UID" val="{3FA0F890-B345-4EBA-8D99-3291A1E2F737}:347"/>
  <p:tag name="GENSWF_ADVANCE_TIME" val="43.822"/>
  <p:tag name="TIMING" val="|10.776"/>
  <p:tag name="ISPRING_SLIDE_INDENT_LEVEL" val="0"/>
  <p:tag name="GENSWF_SLIDE_TITLE" val="Video bài hát &quot;Khúc hát đôi bàn tay&quot;."/>
  <p:tag name="ISPRING_SLIDE_ID_2" val="{1D6D033E-0AE3-432E-9E71-75CAB14949E3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0BF88078-048B-4A1B-AE90-6ED8AA5EE603}:1837"/>
  <p:tag name="GENSWF_SLIDE_TITLE" val="Trò chơi 2: &quot;Múa rối bóng tay&quot;."/>
  <p:tag name="GENSWF_ADVANCE_TIME" val="19.015"/>
  <p:tag name="TIMING" val="|11.761|1.757"/>
  <p:tag name="ISPRING_SLIDE_INDENT_LEVEL" val="1"/>
  <p:tag name="ISPRING_PLAYER_PLAYLIST_ID" val="f8e61888d8725596a3647792503520fb91ac5e6f"/>
  <p:tag name="ISPRING_SLIDE_ID_2" val="{7FF05D09-280A-44BE-AE67-702FDD790DB6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323634-AE38-47D2-A72A-D8B28394B76A}:1838"/>
  <p:tag name="ISPRING_CUSTOM_TIMING_USED" val="1"/>
  <p:tag name="GENSWF_SLIDE_TITLE" val="Đồ dùng chuẩn bị."/>
  <p:tag name="GENSWF_ADVANCE_TIME" val="9.859"/>
  <p:tag name="TIMING" val="|0.749|1.168|1.254"/>
  <p:tag name="ISPRING_SLIDE_INDENT_LEVEL" val="2"/>
  <p:tag name="ISPRING_PLAYER_PLAYLIST_ID" val="f8e61888d8725596a3647792503520fb91ac5e6f"/>
  <p:tag name="ISPRING_SLIDE_ID_2" val="{821EC99E-E6C7-4288-B62F-6F53D063CA66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72AF1718-0E85-4779-ADB2-E1E1BF65E7F5}:1840"/>
  <p:tag name="GENSWF_SLIDE_TITLE" val="Video trò chơi &quot;Múa rối bóng tay&quot;."/>
  <p:tag name="GENSWF_ADVANCE_TIME" val="94.400"/>
  <p:tag name="ISPRING_SLIDE_INDENT_LEVEL" val="2"/>
  <p:tag name="ISPRING_PLAYER_LAYOUT_TYPE" val="Video"/>
  <p:tag name="ISPRING_PLAYER_PLAYLIST_ID" val="537676d6a5cd56cc998f2bb0895cabd0af48e4b4"/>
  <p:tag name="ISPRING_SLIDE_ID_2" val="{2FEB7CE5-3481-4FA2-8F53-636CE0965538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1F2F17-FA1C-4E7D-B531-14A26B3022B7}:1842"/>
  <p:tag name="ISPRING_CUSTOM_TIMING_USED" val="1"/>
  <p:tag name="ISPRING_SLIDE_INDENT_LEVEL" val="0"/>
  <p:tag name="ISPRING_PLAYER_LAYOUT_TYPE" val="Video"/>
  <p:tag name="GENSWF_SLIDE_TITLE" val="Kết thúc."/>
  <p:tag name="ISPRING_PLAYER_PLAYLIST_ID" val="537676d6a5cd56cc998f2bb0895cabd0af48e4b4"/>
  <p:tag name="GENSWF_ADVANCE_TIME" val="21.432"/>
  <p:tag name="ISPRING_SLIDE_ID_2" val="{9BE79E56-6C35-4B0F-8371-1A312157DF72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rang bìa"/>
  <p:tag name="ISPRING_SLIDE_INDENT_LEVEL" val="0"/>
  <p:tag name="GENSWF_SLIDE_UID" val="{870E79B5-E3A5-4FED-9B37-06E3136D94C7}:693"/>
  <p:tag name="ISPRING_CUSTOM_TIMING_USED" val="1"/>
  <p:tag name="GENSWF_ADVANCE_TIME" val="26.265"/>
  <p:tag name="ISPRING_PLAYER_LAYOUT_TYPE" val="Full"/>
  <p:tag name="ISPRING_SLIDE_ID_2" val="{19124276-A34B-4F93-BCD8-1418152C816D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3E85DF-4789-4B97-A020-6EAF8634DD73}:272"/>
  <p:tag name="ISPRING_CUSTOM_TIMING_USED" val="1"/>
  <p:tag name="GENSWF_SLIDE_TITLE" val="Ổn định tổ chức."/>
  <p:tag name="ISPRING_SLIDE_INDENT_LEVEL" val="0"/>
  <p:tag name="GENSWF_ADVANCE_TIME" val="24.533"/>
  <p:tag name="ISPRING_PLAYER_LAYOUT_TYPE" val="Video"/>
  <p:tag name="ISPRING_PRESENTER_ID" val="{4B1D8E90-074E-416E-BB23-7A9CD6F79E14}"/>
  <p:tag name="ISPRING_PLAYER_PLAYLIST_ID" val="537676d6a5cd56cc998f2bb0895cabd0af48e4b4"/>
  <p:tag name="ISPRING_SLIDE_ID_2" val="{53A5E60A-AC4F-46E0-9342-4C35284A1AB1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E:\Giang\Tìm hiểu NT múa rối bóng\Tìm hiểu NT múa rối bóng\quiz\quiz1.quiz"/>
  <p:tag name="ISPRING_QUIZ_RELATIVE_PATH" val="Tìm hiểu NT múa rối bóng\quiz\quiz1.quiz"/>
  <p:tag name="GENSWF_SLIDE_UID" val="{5B44EEC3-EBDE-4EA6-9D87-B3D47C3A8364}:1808"/>
  <p:tag name="GENSWF_ADVANCE_TIME" val="5.000"/>
  <p:tag name="ISPRING_CUSTOM_TIMING_USED" val="1"/>
  <p:tag name="GENSWF_SLIDE_TITLE" val="Trò chơi ghép hình"/>
  <p:tag name="ISPRING_SLIDE_INDENT_LEVEL" val="1"/>
  <p:tag name="ISPRING_PLAYER_PLAYLIST_ID" val="f8e61888d8725596a3647792503520fb91ac5e6f"/>
  <p:tag name="ISPRING_SLIDE_ID_2" val="{DA11C1C9-48FB-462B-8B82-C5F8081825F2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TITLE" val="Bức tranh ghép được."/>
  <p:tag name="GENSWF_SLIDE_UID" val="{524F48C9-8843-4153-AB8D-1F536A7E4FC2}:1806"/>
  <p:tag name="ISPRING_SLIDE_INDENT_LEVEL" val="2"/>
  <p:tag name="ISPRING_PLAYER_PLAYLIST_ID" val="f8e61888d8725596a3647792503520fb91ac5e6f"/>
  <p:tag name="GENSWF_ADVANCE_TIME" val="2.517"/>
  <p:tag name="TIMING" val="|0.787"/>
  <p:tag name="ISPRING_SLIDE_ID_2" val="{4F14C71B-3194-4FC1-B2CA-9A5F40333185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E:\Giang\Tìm hiểu NT múa rối bóng\Tìm hiểu NT múa rối bóng\quiz\quiz2.quiz"/>
  <p:tag name="ISPRING_QUIZ_RELATIVE_PATH" val="Tìm hiểu NT múa rối bóng\quiz\quiz2.quiz"/>
  <p:tag name="GENSWF_SLIDE_UID" val="{70B4CFB0-2F6E-4B29-869B-C27A22F497D9}:1814"/>
  <p:tag name="GENSWF_ADVANCE_TIME" val="5.000"/>
  <p:tag name="ISPRING_CUSTOM_TIMING_USED" val="1"/>
  <p:tag name="GENSWF_SLIDE_TITLE" val="Câu hỏi."/>
  <p:tag name="ISPRING_SLIDE_INDENT_LEVEL" val="2"/>
  <p:tag name="ISPRING_PLAYER_PLAYLIST_ID" val="537676d6a5cd56cc998f2bb0895cabd0af48e4b4"/>
  <p:tag name="ISPRING_SLIDE_ID_2" val="{31D94807-6DD2-4C78-A185-DCF40D5D76B1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A44D38-75F0-46EB-8D1F-618910E447F7}:1809"/>
  <p:tag name="ISPRING_CUSTOM_TIMING_USED" val="1"/>
  <p:tag name="GENSWF_SLIDE_TITLE" val="Nội dung bài mới."/>
  <p:tag name="ISPRING_SLIDE_INDENT_LEVEL" val="0"/>
  <p:tag name="GENSWF_ADVANCE_TIME" val="24.633"/>
  <p:tag name="ISPRING_PLAYER_LAYOUT_TYPE" val="Video"/>
  <p:tag name="ISPRING_PLAYER_PLAYLIST_ID" val="537676d6a5cd56cc998f2bb0895cabd0af48e4b4"/>
  <p:tag name="ISPRING_SLIDE_ID_2" val="{59D64B0F-021D-44EC-8A5B-6C9399240484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FADEF8-245F-4909-907F-46A660E7CA15}:1811"/>
  <p:tag name="ISPRING_CUSTOM_TIMING_USED" val="1"/>
  <p:tag name="GENSWF_SLIDE_TITLE" val="Hoạt động 1: Tìm hiểu về Nghệ thuật múa rối bóng."/>
  <p:tag name="ISPRING_SLIDE_INDENT_LEVEL" val="1"/>
  <p:tag name="ISPRING_PLAYER_LAYOUT_TYPE" val="Video"/>
  <p:tag name="GENSWF_ADVANCE_TIME" val="134.467"/>
  <p:tag name="ISPRING_SLIDE_ID_2" val="{39601F8A-DE55-4C47-A053-13B2661CFCC7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E:\Giang\Tìm hiểu NT múa rối bóng\Tìm hiểu NT múa rối bóng\quiz\quiz3.quiz"/>
  <p:tag name="ISPRING_QUIZ_RELATIVE_PATH" val="Tìm hiểu NT múa rối bóng\quiz\quiz3.quiz"/>
  <p:tag name="GENSWF_SLIDE_UID" val="{F0A51799-2FD8-4D04-931C-BA3394E50262}:1810"/>
  <p:tag name="GENSWF_ADVANCE_TIME" val="5.000"/>
  <p:tag name="ISPRING_CUSTOM_TIMING_USED" val="1"/>
  <p:tag name="GENSWF_SLIDE_TITLE" val="Câu hỏi."/>
  <p:tag name="ISPRING_SLIDE_INDENT_LEVEL" val="2"/>
  <p:tag name="ISPRING_PLAYER_PLAYLIST_ID" val="537676d6a5cd56cc998f2bb0895cabd0af48e4b4"/>
  <p:tag name="ISPRING_SLIDE_ID_2" val="{219C6AC8-0F13-4622-A968-0B7E749A41F2}"/>
</p:tagLst>
</file>

<file path=ppt/theme/theme1.xml><?xml version="1.0" encoding="utf-8"?>
<a:theme xmlns:a="http://schemas.openxmlformats.org/drawingml/2006/main" name="www.freeppt7.com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siiilcwe">
      <a:majorFont>
        <a:latin typeface="印品黑体" panose="020F0302020204030204"/>
        <a:ea typeface="楷体"/>
        <a:cs typeface=""/>
      </a:majorFont>
      <a:minorFont>
        <a:latin typeface="印品黑体" panose="020F0502020204030204"/>
        <a:ea typeface="楷体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www.jpppt.com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213</TotalTime>
  <Words>153</Words>
  <Application>Microsoft Office PowerPoint</Application>
  <PresentationFormat>Widescreen</PresentationFormat>
  <Paragraphs>46</Paragraphs>
  <Slides>16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16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6</vt:i4>
      </vt:variant>
    </vt:vector>
  </HeadingPairs>
  <TitlesOfParts>
    <vt:vector size="34" baseType="lpstr">
      <vt:lpstr>微软雅黑</vt:lpstr>
      <vt:lpstr>宋体</vt:lpstr>
      <vt:lpstr>SimSun-ExtB</vt:lpstr>
      <vt:lpstr>Arial</vt:lpstr>
      <vt:lpstr>Calibri</vt:lpstr>
      <vt:lpstr>等线</vt:lpstr>
      <vt:lpstr>iCiel Mijas</vt:lpstr>
      <vt:lpstr>iCiel Nabila</vt:lpstr>
      <vt:lpstr>iCiel Pony</vt:lpstr>
      <vt:lpstr>KaiTi</vt:lpstr>
      <vt:lpstr>Segoe UI</vt:lpstr>
      <vt:lpstr>Segoe UI Semibold</vt:lpstr>
      <vt:lpstr>SVN-Appleberry</vt:lpstr>
      <vt:lpstr>Times New Roman</vt:lpstr>
      <vt:lpstr>印品黑体</vt:lpstr>
      <vt:lpstr>楷体</vt:lpstr>
      <vt:lpstr>www.freeppt7.com</vt:lpstr>
      <vt:lpstr>www.jpppt.com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Manager>第一PPT</Manager>
  <Company>第一PPT，www.1ppt.com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ìm hiểu NT múa rối bóng</dc:title>
  <dc:creator>第一PPT</dc:creator>
  <cp:keywords>www.1ppt.com</cp:keywords>
  <dc:description>www.1ppt.com</dc:description>
  <cp:lastModifiedBy>Windows User</cp:lastModifiedBy>
  <cp:revision>267</cp:revision>
  <dcterms:created xsi:type="dcterms:W3CDTF">2021-02-28T11:59:59Z</dcterms:created>
  <dcterms:modified xsi:type="dcterms:W3CDTF">2025-04-17T15:01:56Z</dcterms:modified>
</cp:coreProperties>
</file>